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5"/>
  </p:notesMasterIdLst>
  <p:sldIdLst>
    <p:sldId id="937" r:id="rId2"/>
    <p:sldId id="935" r:id="rId3"/>
    <p:sldId id="936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76" d="100"/>
          <a:sy n="76" d="100"/>
        </p:scale>
        <p:origin x="870" y="10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5AE2C28-1AA6-4C09-BDC3-9DCAEF362FC3}" type="doc">
      <dgm:prSet loTypeId="urn:microsoft.com/office/officeart/2005/8/layout/list1" loCatId="list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pt-BR"/>
        </a:p>
      </dgm:t>
    </dgm:pt>
    <dgm:pt modelId="{639CD9AA-0185-43C5-81D9-945E5CE27880}">
      <dgm:prSet phldrT="[Text]"/>
      <dgm:spPr/>
      <dgm:t>
        <a:bodyPr/>
        <a:lstStyle/>
        <a:p>
          <a:r>
            <a:rPr lang="en-CA" dirty="0"/>
            <a:t>Weekly meeting (zoom) </a:t>
          </a:r>
          <a:endParaRPr lang="pt-BR" dirty="0"/>
        </a:p>
      </dgm:t>
    </dgm:pt>
    <dgm:pt modelId="{427855BA-B1C7-4FCF-B71B-D6FB4E7BAC65}" type="parTrans" cxnId="{148E64EA-29AC-4C6F-9583-8D33E2893DD5}">
      <dgm:prSet/>
      <dgm:spPr/>
      <dgm:t>
        <a:bodyPr/>
        <a:lstStyle/>
        <a:p>
          <a:endParaRPr lang="pt-BR"/>
        </a:p>
      </dgm:t>
    </dgm:pt>
    <dgm:pt modelId="{6AF1F817-E471-4774-B099-26EE17438BDE}" type="sibTrans" cxnId="{148E64EA-29AC-4C6F-9583-8D33E2893DD5}">
      <dgm:prSet/>
      <dgm:spPr/>
      <dgm:t>
        <a:bodyPr/>
        <a:lstStyle/>
        <a:p>
          <a:endParaRPr lang="pt-BR"/>
        </a:p>
      </dgm:t>
    </dgm:pt>
    <dgm:pt modelId="{FD33003A-0BB0-4E6D-8020-B2EB1726BE46}">
      <dgm:prSet phldrT="[Text]"/>
      <dgm:spPr/>
      <dgm:t>
        <a:bodyPr/>
        <a:lstStyle/>
        <a:p>
          <a:r>
            <a:rPr lang="en-CA" dirty="0"/>
            <a:t>Tasks list weekly</a:t>
          </a:r>
          <a:endParaRPr lang="pt-BR" dirty="0"/>
        </a:p>
      </dgm:t>
    </dgm:pt>
    <dgm:pt modelId="{41394E30-D9C1-4B4A-99EB-01FF8E8C5447}" type="parTrans" cxnId="{B45D39A4-F0B9-4648-B9A0-A0F23DD428B3}">
      <dgm:prSet/>
      <dgm:spPr/>
      <dgm:t>
        <a:bodyPr/>
        <a:lstStyle/>
        <a:p>
          <a:endParaRPr lang="pt-BR"/>
        </a:p>
      </dgm:t>
    </dgm:pt>
    <dgm:pt modelId="{086906C9-DC00-4A7A-9CD9-9E7C7A752147}" type="sibTrans" cxnId="{B45D39A4-F0B9-4648-B9A0-A0F23DD428B3}">
      <dgm:prSet/>
      <dgm:spPr/>
      <dgm:t>
        <a:bodyPr/>
        <a:lstStyle/>
        <a:p>
          <a:endParaRPr lang="pt-BR"/>
        </a:p>
      </dgm:t>
    </dgm:pt>
    <dgm:pt modelId="{8534A1C4-8E31-4DA6-B432-E1C1C1F717FE}">
      <dgm:prSet phldrT="[Text]"/>
      <dgm:spPr/>
      <dgm:t>
        <a:bodyPr/>
        <a:lstStyle/>
        <a:p>
          <a:r>
            <a:rPr lang="en-CA" dirty="0"/>
            <a:t>All responsible for commits on GitHub</a:t>
          </a:r>
          <a:endParaRPr lang="pt-BR" dirty="0"/>
        </a:p>
      </dgm:t>
    </dgm:pt>
    <dgm:pt modelId="{7EDE4ADF-588C-4C70-9849-E6646FB34800}" type="parTrans" cxnId="{403AEBF4-33C4-4549-A656-ADBFA3419E97}">
      <dgm:prSet/>
      <dgm:spPr/>
      <dgm:t>
        <a:bodyPr/>
        <a:lstStyle/>
        <a:p>
          <a:endParaRPr lang="pt-BR"/>
        </a:p>
      </dgm:t>
    </dgm:pt>
    <dgm:pt modelId="{0C5B4C16-EDF9-4E60-BE6D-857A2427A0C9}" type="sibTrans" cxnId="{403AEBF4-33C4-4549-A656-ADBFA3419E97}">
      <dgm:prSet/>
      <dgm:spPr/>
      <dgm:t>
        <a:bodyPr/>
        <a:lstStyle/>
        <a:p>
          <a:endParaRPr lang="pt-BR"/>
        </a:p>
      </dgm:t>
    </dgm:pt>
    <dgm:pt modelId="{924C813F-C647-47DF-9DCE-133EF294A00A}">
      <dgm:prSet/>
      <dgm:spPr/>
      <dgm:t>
        <a:bodyPr/>
        <a:lstStyle/>
        <a:p>
          <a:r>
            <a:rPr lang="en-CA" dirty="0"/>
            <a:t>Official communication Channel: Slack Group 3</a:t>
          </a:r>
          <a:endParaRPr lang="pt-BR" dirty="0"/>
        </a:p>
      </dgm:t>
    </dgm:pt>
    <dgm:pt modelId="{3D056A07-BBB6-4443-97FE-49DD505869FF}" type="parTrans" cxnId="{FC6AC174-3C8A-44DD-9956-C5DEB3DC39D3}">
      <dgm:prSet/>
      <dgm:spPr/>
      <dgm:t>
        <a:bodyPr/>
        <a:lstStyle/>
        <a:p>
          <a:endParaRPr lang="pt-BR"/>
        </a:p>
      </dgm:t>
    </dgm:pt>
    <dgm:pt modelId="{DEF1FE9D-7E7C-420B-9144-2A0BED311C57}" type="sibTrans" cxnId="{FC6AC174-3C8A-44DD-9956-C5DEB3DC39D3}">
      <dgm:prSet/>
      <dgm:spPr/>
      <dgm:t>
        <a:bodyPr/>
        <a:lstStyle/>
        <a:p>
          <a:endParaRPr lang="pt-BR"/>
        </a:p>
      </dgm:t>
    </dgm:pt>
    <dgm:pt modelId="{773A63B0-1D1E-451B-ACAE-A0A5BEB1F6C2}">
      <dgm:prSet/>
      <dgm:spPr/>
      <dgm:t>
        <a:bodyPr/>
        <a:lstStyle/>
        <a:p>
          <a:r>
            <a:rPr lang="en-CA" dirty="0"/>
            <a:t>Weekly review for all deliverables and rubrics with all team</a:t>
          </a:r>
          <a:endParaRPr lang="pt-BR" dirty="0"/>
        </a:p>
      </dgm:t>
    </dgm:pt>
    <dgm:pt modelId="{73148C4B-14CF-4179-BD4A-EC73FAE48287}" type="parTrans" cxnId="{0FE57BCF-0C95-465C-9090-FF99691E98DA}">
      <dgm:prSet/>
      <dgm:spPr/>
      <dgm:t>
        <a:bodyPr/>
        <a:lstStyle/>
        <a:p>
          <a:endParaRPr lang="pt-BR"/>
        </a:p>
      </dgm:t>
    </dgm:pt>
    <dgm:pt modelId="{994E5D9B-E5E5-4122-BCE9-81AD88C29A4B}" type="sibTrans" cxnId="{0FE57BCF-0C95-465C-9090-FF99691E98DA}">
      <dgm:prSet/>
      <dgm:spPr/>
      <dgm:t>
        <a:bodyPr/>
        <a:lstStyle/>
        <a:p>
          <a:endParaRPr lang="pt-BR"/>
        </a:p>
      </dgm:t>
    </dgm:pt>
    <dgm:pt modelId="{6609435E-C54A-4221-94A7-872EA62B8FD8}">
      <dgm:prSet/>
      <dgm:spPr/>
      <dgm:t>
        <a:bodyPr/>
        <a:lstStyle/>
        <a:p>
          <a:r>
            <a:rPr lang="en-US" b="0" i="0"/>
            <a:t>Decision making process: Common sense or voting </a:t>
          </a:r>
          <a:endParaRPr lang="en-US"/>
        </a:p>
      </dgm:t>
    </dgm:pt>
    <dgm:pt modelId="{3D8ADFAD-5D0F-4C2E-A65B-58BEC29D1AB9}" type="parTrans" cxnId="{279A0CD8-B57C-4600-A5D3-D5FF37439C6A}">
      <dgm:prSet/>
      <dgm:spPr/>
      <dgm:t>
        <a:bodyPr/>
        <a:lstStyle/>
        <a:p>
          <a:endParaRPr lang="pt-BR"/>
        </a:p>
      </dgm:t>
    </dgm:pt>
    <dgm:pt modelId="{A57FD7E6-EA02-4ACF-A7C1-F00F7521A2C1}" type="sibTrans" cxnId="{279A0CD8-B57C-4600-A5D3-D5FF37439C6A}">
      <dgm:prSet/>
      <dgm:spPr/>
      <dgm:t>
        <a:bodyPr/>
        <a:lstStyle/>
        <a:p>
          <a:endParaRPr lang="pt-BR"/>
        </a:p>
      </dgm:t>
    </dgm:pt>
    <dgm:pt modelId="{7A312B95-7A60-4A2A-80C3-0AC179775CDE}" type="pres">
      <dgm:prSet presAssocID="{B5AE2C28-1AA6-4C09-BDC3-9DCAEF362FC3}" presName="linear" presStyleCnt="0">
        <dgm:presLayoutVars>
          <dgm:dir/>
          <dgm:animLvl val="lvl"/>
          <dgm:resizeHandles val="exact"/>
        </dgm:presLayoutVars>
      </dgm:prSet>
      <dgm:spPr/>
    </dgm:pt>
    <dgm:pt modelId="{0A198CF9-3534-4F0C-BC8A-2E57D858AE57}" type="pres">
      <dgm:prSet presAssocID="{639CD9AA-0185-43C5-81D9-945E5CE27880}" presName="parentLin" presStyleCnt="0"/>
      <dgm:spPr/>
    </dgm:pt>
    <dgm:pt modelId="{2C6C3879-CF87-44F1-8DDA-49B76940493F}" type="pres">
      <dgm:prSet presAssocID="{639CD9AA-0185-43C5-81D9-945E5CE27880}" presName="parentLeftMargin" presStyleLbl="node1" presStyleIdx="0" presStyleCnt="6"/>
      <dgm:spPr/>
    </dgm:pt>
    <dgm:pt modelId="{A31286B7-B4D6-4EC9-9D9E-D9E42D29ED99}" type="pres">
      <dgm:prSet presAssocID="{639CD9AA-0185-43C5-81D9-945E5CE27880}" presName="parentText" presStyleLbl="node1" presStyleIdx="0" presStyleCnt="6">
        <dgm:presLayoutVars>
          <dgm:chMax val="0"/>
          <dgm:bulletEnabled val="1"/>
        </dgm:presLayoutVars>
      </dgm:prSet>
      <dgm:spPr/>
    </dgm:pt>
    <dgm:pt modelId="{B1279AAC-A084-4D7C-A1E7-E4A34FEF1931}" type="pres">
      <dgm:prSet presAssocID="{639CD9AA-0185-43C5-81D9-945E5CE27880}" presName="negativeSpace" presStyleCnt="0"/>
      <dgm:spPr/>
    </dgm:pt>
    <dgm:pt modelId="{BEA4C4E4-5CC4-43DB-8CDA-6AE61F23286E}" type="pres">
      <dgm:prSet presAssocID="{639CD9AA-0185-43C5-81D9-945E5CE27880}" presName="childText" presStyleLbl="conFgAcc1" presStyleIdx="0" presStyleCnt="6">
        <dgm:presLayoutVars>
          <dgm:bulletEnabled val="1"/>
        </dgm:presLayoutVars>
      </dgm:prSet>
      <dgm:spPr/>
    </dgm:pt>
    <dgm:pt modelId="{48C74FBA-722C-4A43-A734-AD6C76A7ACD6}" type="pres">
      <dgm:prSet presAssocID="{6AF1F817-E471-4774-B099-26EE17438BDE}" presName="spaceBetweenRectangles" presStyleCnt="0"/>
      <dgm:spPr/>
    </dgm:pt>
    <dgm:pt modelId="{C3A58903-1B9A-42E3-AB5D-C5EB41811AAB}" type="pres">
      <dgm:prSet presAssocID="{FD33003A-0BB0-4E6D-8020-B2EB1726BE46}" presName="parentLin" presStyleCnt="0"/>
      <dgm:spPr/>
    </dgm:pt>
    <dgm:pt modelId="{19FFF9D9-5DB7-47A6-A39B-4621C2EAC8C0}" type="pres">
      <dgm:prSet presAssocID="{FD33003A-0BB0-4E6D-8020-B2EB1726BE46}" presName="parentLeftMargin" presStyleLbl="node1" presStyleIdx="0" presStyleCnt="6"/>
      <dgm:spPr/>
    </dgm:pt>
    <dgm:pt modelId="{5B97F13B-4B4E-41E2-8D94-A83316392460}" type="pres">
      <dgm:prSet presAssocID="{FD33003A-0BB0-4E6D-8020-B2EB1726BE46}" presName="parentText" presStyleLbl="node1" presStyleIdx="1" presStyleCnt="6">
        <dgm:presLayoutVars>
          <dgm:chMax val="0"/>
          <dgm:bulletEnabled val="1"/>
        </dgm:presLayoutVars>
      </dgm:prSet>
      <dgm:spPr/>
    </dgm:pt>
    <dgm:pt modelId="{8772DF5E-516E-42D3-904E-0F6F7AFF9D70}" type="pres">
      <dgm:prSet presAssocID="{FD33003A-0BB0-4E6D-8020-B2EB1726BE46}" presName="negativeSpace" presStyleCnt="0"/>
      <dgm:spPr/>
    </dgm:pt>
    <dgm:pt modelId="{D2BD01C7-9AA6-40DD-9606-AFE281023FAD}" type="pres">
      <dgm:prSet presAssocID="{FD33003A-0BB0-4E6D-8020-B2EB1726BE46}" presName="childText" presStyleLbl="conFgAcc1" presStyleIdx="1" presStyleCnt="6">
        <dgm:presLayoutVars>
          <dgm:bulletEnabled val="1"/>
        </dgm:presLayoutVars>
      </dgm:prSet>
      <dgm:spPr/>
    </dgm:pt>
    <dgm:pt modelId="{E5531F6A-55D0-4A04-8A9E-C31B84D2B7F7}" type="pres">
      <dgm:prSet presAssocID="{086906C9-DC00-4A7A-9CD9-9E7C7A752147}" presName="spaceBetweenRectangles" presStyleCnt="0"/>
      <dgm:spPr/>
    </dgm:pt>
    <dgm:pt modelId="{E523A32A-4F45-48FA-B259-4B4B230D7DD4}" type="pres">
      <dgm:prSet presAssocID="{8534A1C4-8E31-4DA6-B432-E1C1C1F717FE}" presName="parentLin" presStyleCnt="0"/>
      <dgm:spPr/>
    </dgm:pt>
    <dgm:pt modelId="{966AF056-B2E3-42C6-A506-A320F854324C}" type="pres">
      <dgm:prSet presAssocID="{8534A1C4-8E31-4DA6-B432-E1C1C1F717FE}" presName="parentLeftMargin" presStyleLbl="node1" presStyleIdx="1" presStyleCnt="6"/>
      <dgm:spPr/>
    </dgm:pt>
    <dgm:pt modelId="{31E7A430-72B4-40F8-9CBF-6F3CD22AB3DC}" type="pres">
      <dgm:prSet presAssocID="{8534A1C4-8E31-4DA6-B432-E1C1C1F717FE}" presName="parentText" presStyleLbl="node1" presStyleIdx="2" presStyleCnt="6">
        <dgm:presLayoutVars>
          <dgm:chMax val="0"/>
          <dgm:bulletEnabled val="1"/>
        </dgm:presLayoutVars>
      </dgm:prSet>
      <dgm:spPr/>
    </dgm:pt>
    <dgm:pt modelId="{293EB28C-1EF4-4C90-8B9A-8AE88E837CA9}" type="pres">
      <dgm:prSet presAssocID="{8534A1C4-8E31-4DA6-B432-E1C1C1F717FE}" presName="negativeSpace" presStyleCnt="0"/>
      <dgm:spPr/>
    </dgm:pt>
    <dgm:pt modelId="{867E67DA-F647-4DBF-BA2C-1BAC7688FADC}" type="pres">
      <dgm:prSet presAssocID="{8534A1C4-8E31-4DA6-B432-E1C1C1F717FE}" presName="childText" presStyleLbl="conFgAcc1" presStyleIdx="2" presStyleCnt="6">
        <dgm:presLayoutVars>
          <dgm:bulletEnabled val="1"/>
        </dgm:presLayoutVars>
      </dgm:prSet>
      <dgm:spPr/>
    </dgm:pt>
    <dgm:pt modelId="{2CA70641-39E6-4FB7-B523-E833E1AC6FF7}" type="pres">
      <dgm:prSet presAssocID="{0C5B4C16-EDF9-4E60-BE6D-857A2427A0C9}" presName="spaceBetweenRectangles" presStyleCnt="0"/>
      <dgm:spPr/>
    </dgm:pt>
    <dgm:pt modelId="{EB15AF81-E03B-4567-8888-35C42F936923}" type="pres">
      <dgm:prSet presAssocID="{924C813F-C647-47DF-9DCE-133EF294A00A}" presName="parentLin" presStyleCnt="0"/>
      <dgm:spPr/>
    </dgm:pt>
    <dgm:pt modelId="{10775023-CC3E-47D9-A66B-F00F5978F07F}" type="pres">
      <dgm:prSet presAssocID="{924C813F-C647-47DF-9DCE-133EF294A00A}" presName="parentLeftMargin" presStyleLbl="node1" presStyleIdx="2" presStyleCnt="6"/>
      <dgm:spPr/>
    </dgm:pt>
    <dgm:pt modelId="{3505E2D5-9E91-4F98-B3A8-66FE5E03CCA9}" type="pres">
      <dgm:prSet presAssocID="{924C813F-C647-47DF-9DCE-133EF294A00A}" presName="parentText" presStyleLbl="node1" presStyleIdx="3" presStyleCnt="6">
        <dgm:presLayoutVars>
          <dgm:chMax val="0"/>
          <dgm:bulletEnabled val="1"/>
        </dgm:presLayoutVars>
      </dgm:prSet>
      <dgm:spPr/>
    </dgm:pt>
    <dgm:pt modelId="{48FBD6FF-E77C-4ABE-87CF-21D99E71F0C8}" type="pres">
      <dgm:prSet presAssocID="{924C813F-C647-47DF-9DCE-133EF294A00A}" presName="negativeSpace" presStyleCnt="0"/>
      <dgm:spPr/>
    </dgm:pt>
    <dgm:pt modelId="{FB45A2F2-BC09-4169-B6B9-24A037A29653}" type="pres">
      <dgm:prSet presAssocID="{924C813F-C647-47DF-9DCE-133EF294A00A}" presName="childText" presStyleLbl="conFgAcc1" presStyleIdx="3" presStyleCnt="6">
        <dgm:presLayoutVars>
          <dgm:bulletEnabled val="1"/>
        </dgm:presLayoutVars>
      </dgm:prSet>
      <dgm:spPr/>
    </dgm:pt>
    <dgm:pt modelId="{2BC8F18A-72E6-4135-9294-1362F296699C}" type="pres">
      <dgm:prSet presAssocID="{DEF1FE9D-7E7C-420B-9144-2A0BED311C57}" presName="spaceBetweenRectangles" presStyleCnt="0"/>
      <dgm:spPr/>
    </dgm:pt>
    <dgm:pt modelId="{6A9F79DA-0F16-47F0-9DCD-F8CB5DC4511C}" type="pres">
      <dgm:prSet presAssocID="{773A63B0-1D1E-451B-ACAE-A0A5BEB1F6C2}" presName="parentLin" presStyleCnt="0"/>
      <dgm:spPr/>
    </dgm:pt>
    <dgm:pt modelId="{4E97F6F3-E829-4858-B091-F1707FBE7E86}" type="pres">
      <dgm:prSet presAssocID="{773A63B0-1D1E-451B-ACAE-A0A5BEB1F6C2}" presName="parentLeftMargin" presStyleLbl="node1" presStyleIdx="3" presStyleCnt="6"/>
      <dgm:spPr/>
    </dgm:pt>
    <dgm:pt modelId="{8E649494-9456-404A-BCF1-F72FDAFBA2B1}" type="pres">
      <dgm:prSet presAssocID="{773A63B0-1D1E-451B-ACAE-A0A5BEB1F6C2}" presName="parentText" presStyleLbl="node1" presStyleIdx="4" presStyleCnt="6">
        <dgm:presLayoutVars>
          <dgm:chMax val="0"/>
          <dgm:bulletEnabled val="1"/>
        </dgm:presLayoutVars>
      </dgm:prSet>
      <dgm:spPr/>
    </dgm:pt>
    <dgm:pt modelId="{5A8E44C2-932D-46A7-BBB9-72A9DC7080F5}" type="pres">
      <dgm:prSet presAssocID="{773A63B0-1D1E-451B-ACAE-A0A5BEB1F6C2}" presName="negativeSpace" presStyleCnt="0"/>
      <dgm:spPr/>
    </dgm:pt>
    <dgm:pt modelId="{C745A536-EE7E-40F2-AEA8-363290B7B95C}" type="pres">
      <dgm:prSet presAssocID="{773A63B0-1D1E-451B-ACAE-A0A5BEB1F6C2}" presName="childText" presStyleLbl="conFgAcc1" presStyleIdx="4" presStyleCnt="6">
        <dgm:presLayoutVars>
          <dgm:bulletEnabled val="1"/>
        </dgm:presLayoutVars>
      </dgm:prSet>
      <dgm:spPr/>
    </dgm:pt>
    <dgm:pt modelId="{E5450678-3D2D-4DD7-AE0E-19A11397FEA6}" type="pres">
      <dgm:prSet presAssocID="{994E5D9B-E5E5-4122-BCE9-81AD88C29A4B}" presName="spaceBetweenRectangles" presStyleCnt="0"/>
      <dgm:spPr/>
    </dgm:pt>
    <dgm:pt modelId="{ADA37CDB-9928-46A0-8BE7-D518A9E13E60}" type="pres">
      <dgm:prSet presAssocID="{6609435E-C54A-4221-94A7-872EA62B8FD8}" presName="parentLin" presStyleCnt="0"/>
      <dgm:spPr/>
    </dgm:pt>
    <dgm:pt modelId="{9239C90A-4CF9-46D6-A2A7-3709ABACC9B9}" type="pres">
      <dgm:prSet presAssocID="{6609435E-C54A-4221-94A7-872EA62B8FD8}" presName="parentLeftMargin" presStyleLbl="node1" presStyleIdx="4" presStyleCnt="6"/>
      <dgm:spPr/>
    </dgm:pt>
    <dgm:pt modelId="{9AEFA7F6-9B1F-4D8E-A721-281DDA055315}" type="pres">
      <dgm:prSet presAssocID="{6609435E-C54A-4221-94A7-872EA62B8FD8}" presName="parentText" presStyleLbl="node1" presStyleIdx="5" presStyleCnt="6">
        <dgm:presLayoutVars>
          <dgm:chMax val="0"/>
          <dgm:bulletEnabled val="1"/>
        </dgm:presLayoutVars>
      </dgm:prSet>
      <dgm:spPr/>
    </dgm:pt>
    <dgm:pt modelId="{DF3A48B8-377E-47EF-841D-11B6BCFEBD46}" type="pres">
      <dgm:prSet presAssocID="{6609435E-C54A-4221-94A7-872EA62B8FD8}" presName="negativeSpace" presStyleCnt="0"/>
      <dgm:spPr/>
    </dgm:pt>
    <dgm:pt modelId="{80EF80D2-B369-400D-9DC6-765634E77C35}" type="pres">
      <dgm:prSet presAssocID="{6609435E-C54A-4221-94A7-872EA62B8FD8}" presName="childText" presStyleLbl="conFgAcc1" presStyleIdx="5" presStyleCnt="6">
        <dgm:presLayoutVars>
          <dgm:bulletEnabled val="1"/>
        </dgm:presLayoutVars>
      </dgm:prSet>
      <dgm:spPr/>
    </dgm:pt>
  </dgm:ptLst>
  <dgm:cxnLst>
    <dgm:cxn modelId="{615D4D3C-6E91-4265-9042-2CF087EE7504}" type="presOf" srcId="{639CD9AA-0185-43C5-81D9-945E5CE27880}" destId="{A31286B7-B4D6-4EC9-9D9E-D9E42D29ED99}" srcOrd="1" destOrd="0" presId="urn:microsoft.com/office/officeart/2005/8/layout/list1"/>
    <dgm:cxn modelId="{80055960-D13F-4E87-A88A-9021F6EFC791}" type="presOf" srcId="{6609435E-C54A-4221-94A7-872EA62B8FD8}" destId="{9AEFA7F6-9B1F-4D8E-A721-281DDA055315}" srcOrd="1" destOrd="0" presId="urn:microsoft.com/office/officeart/2005/8/layout/list1"/>
    <dgm:cxn modelId="{18E57863-2920-4C67-9820-EDAFB74E6800}" type="presOf" srcId="{8534A1C4-8E31-4DA6-B432-E1C1C1F717FE}" destId="{966AF056-B2E3-42C6-A506-A320F854324C}" srcOrd="0" destOrd="0" presId="urn:microsoft.com/office/officeart/2005/8/layout/list1"/>
    <dgm:cxn modelId="{F5776E6A-8AA1-4101-819F-A96CE6CD5E79}" type="presOf" srcId="{FD33003A-0BB0-4E6D-8020-B2EB1726BE46}" destId="{19FFF9D9-5DB7-47A6-A39B-4621C2EAC8C0}" srcOrd="0" destOrd="0" presId="urn:microsoft.com/office/officeart/2005/8/layout/list1"/>
    <dgm:cxn modelId="{55DB4153-5C1E-4B93-9451-7553FF939C13}" type="presOf" srcId="{6609435E-C54A-4221-94A7-872EA62B8FD8}" destId="{9239C90A-4CF9-46D6-A2A7-3709ABACC9B9}" srcOrd="0" destOrd="0" presId="urn:microsoft.com/office/officeart/2005/8/layout/list1"/>
    <dgm:cxn modelId="{FC6AC174-3C8A-44DD-9956-C5DEB3DC39D3}" srcId="{B5AE2C28-1AA6-4C09-BDC3-9DCAEF362FC3}" destId="{924C813F-C647-47DF-9DCE-133EF294A00A}" srcOrd="3" destOrd="0" parTransId="{3D056A07-BBB6-4443-97FE-49DD505869FF}" sibTransId="{DEF1FE9D-7E7C-420B-9144-2A0BED311C57}"/>
    <dgm:cxn modelId="{8D0FDB56-2586-4484-9D78-157A97CB4CE3}" type="presOf" srcId="{924C813F-C647-47DF-9DCE-133EF294A00A}" destId="{10775023-CC3E-47D9-A66B-F00F5978F07F}" srcOrd="0" destOrd="0" presId="urn:microsoft.com/office/officeart/2005/8/layout/list1"/>
    <dgm:cxn modelId="{151C2077-87C7-41F8-9090-9CF44B42D396}" type="presOf" srcId="{B5AE2C28-1AA6-4C09-BDC3-9DCAEF362FC3}" destId="{7A312B95-7A60-4A2A-80C3-0AC179775CDE}" srcOrd="0" destOrd="0" presId="urn:microsoft.com/office/officeart/2005/8/layout/list1"/>
    <dgm:cxn modelId="{CC2FC096-9241-479D-AD76-D4B9CC245E35}" type="presOf" srcId="{8534A1C4-8E31-4DA6-B432-E1C1C1F717FE}" destId="{31E7A430-72B4-40F8-9CBF-6F3CD22AB3DC}" srcOrd="1" destOrd="0" presId="urn:microsoft.com/office/officeart/2005/8/layout/list1"/>
    <dgm:cxn modelId="{1A67999D-D73A-4BA1-896E-B834002350A7}" type="presOf" srcId="{639CD9AA-0185-43C5-81D9-945E5CE27880}" destId="{2C6C3879-CF87-44F1-8DDA-49B76940493F}" srcOrd="0" destOrd="0" presId="urn:microsoft.com/office/officeart/2005/8/layout/list1"/>
    <dgm:cxn modelId="{B45D39A4-F0B9-4648-B9A0-A0F23DD428B3}" srcId="{B5AE2C28-1AA6-4C09-BDC3-9DCAEF362FC3}" destId="{FD33003A-0BB0-4E6D-8020-B2EB1726BE46}" srcOrd="1" destOrd="0" parTransId="{41394E30-D9C1-4B4A-99EB-01FF8E8C5447}" sibTransId="{086906C9-DC00-4A7A-9CD9-9E7C7A752147}"/>
    <dgm:cxn modelId="{426AE3CC-1D57-4256-B53E-26FF58CFC7EA}" type="presOf" srcId="{773A63B0-1D1E-451B-ACAE-A0A5BEB1F6C2}" destId="{4E97F6F3-E829-4858-B091-F1707FBE7E86}" srcOrd="0" destOrd="0" presId="urn:microsoft.com/office/officeart/2005/8/layout/list1"/>
    <dgm:cxn modelId="{0FE57BCF-0C95-465C-9090-FF99691E98DA}" srcId="{B5AE2C28-1AA6-4C09-BDC3-9DCAEF362FC3}" destId="{773A63B0-1D1E-451B-ACAE-A0A5BEB1F6C2}" srcOrd="4" destOrd="0" parTransId="{73148C4B-14CF-4179-BD4A-EC73FAE48287}" sibTransId="{994E5D9B-E5E5-4122-BCE9-81AD88C29A4B}"/>
    <dgm:cxn modelId="{279A0CD8-B57C-4600-A5D3-D5FF37439C6A}" srcId="{B5AE2C28-1AA6-4C09-BDC3-9DCAEF362FC3}" destId="{6609435E-C54A-4221-94A7-872EA62B8FD8}" srcOrd="5" destOrd="0" parTransId="{3D8ADFAD-5D0F-4C2E-A65B-58BEC29D1AB9}" sibTransId="{A57FD7E6-EA02-4ACF-A7C1-F00F7521A2C1}"/>
    <dgm:cxn modelId="{546F1CDF-FBFC-4644-BE3C-3473759A75B4}" type="presOf" srcId="{FD33003A-0BB0-4E6D-8020-B2EB1726BE46}" destId="{5B97F13B-4B4E-41E2-8D94-A83316392460}" srcOrd="1" destOrd="0" presId="urn:microsoft.com/office/officeart/2005/8/layout/list1"/>
    <dgm:cxn modelId="{148E64EA-29AC-4C6F-9583-8D33E2893DD5}" srcId="{B5AE2C28-1AA6-4C09-BDC3-9DCAEF362FC3}" destId="{639CD9AA-0185-43C5-81D9-945E5CE27880}" srcOrd="0" destOrd="0" parTransId="{427855BA-B1C7-4FCF-B71B-D6FB4E7BAC65}" sibTransId="{6AF1F817-E471-4774-B099-26EE17438BDE}"/>
    <dgm:cxn modelId="{E5C63CEC-C4A6-4367-8549-CF495BB6855B}" type="presOf" srcId="{924C813F-C647-47DF-9DCE-133EF294A00A}" destId="{3505E2D5-9E91-4F98-B3A8-66FE5E03CCA9}" srcOrd="1" destOrd="0" presId="urn:microsoft.com/office/officeart/2005/8/layout/list1"/>
    <dgm:cxn modelId="{403AEBF4-33C4-4549-A656-ADBFA3419E97}" srcId="{B5AE2C28-1AA6-4C09-BDC3-9DCAEF362FC3}" destId="{8534A1C4-8E31-4DA6-B432-E1C1C1F717FE}" srcOrd="2" destOrd="0" parTransId="{7EDE4ADF-588C-4C70-9849-E6646FB34800}" sibTransId="{0C5B4C16-EDF9-4E60-BE6D-857A2427A0C9}"/>
    <dgm:cxn modelId="{225DD1F8-3D28-459F-9E71-59CC6D095DB2}" type="presOf" srcId="{773A63B0-1D1E-451B-ACAE-A0A5BEB1F6C2}" destId="{8E649494-9456-404A-BCF1-F72FDAFBA2B1}" srcOrd="1" destOrd="0" presId="urn:microsoft.com/office/officeart/2005/8/layout/list1"/>
    <dgm:cxn modelId="{E9C8FA2F-45FA-4137-8846-143BB8AFD3A8}" type="presParOf" srcId="{7A312B95-7A60-4A2A-80C3-0AC179775CDE}" destId="{0A198CF9-3534-4F0C-BC8A-2E57D858AE57}" srcOrd="0" destOrd="0" presId="urn:microsoft.com/office/officeart/2005/8/layout/list1"/>
    <dgm:cxn modelId="{6F3A93B9-C9F6-4CF8-92AF-C0903C3A35DB}" type="presParOf" srcId="{0A198CF9-3534-4F0C-BC8A-2E57D858AE57}" destId="{2C6C3879-CF87-44F1-8DDA-49B76940493F}" srcOrd="0" destOrd="0" presId="urn:microsoft.com/office/officeart/2005/8/layout/list1"/>
    <dgm:cxn modelId="{30385372-398D-4E06-AA30-FF4EBE32A9D8}" type="presParOf" srcId="{0A198CF9-3534-4F0C-BC8A-2E57D858AE57}" destId="{A31286B7-B4D6-4EC9-9D9E-D9E42D29ED99}" srcOrd="1" destOrd="0" presId="urn:microsoft.com/office/officeart/2005/8/layout/list1"/>
    <dgm:cxn modelId="{57F16F02-18D2-4062-9F45-46B2F5372EC8}" type="presParOf" srcId="{7A312B95-7A60-4A2A-80C3-0AC179775CDE}" destId="{B1279AAC-A084-4D7C-A1E7-E4A34FEF1931}" srcOrd="1" destOrd="0" presId="urn:microsoft.com/office/officeart/2005/8/layout/list1"/>
    <dgm:cxn modelId="{AF72ECF2-04BA-44CE-BEE6-42EBB09C0E75}" type="presParOf" srcId="{7A312B95-7A60-4A2A-80C3-0AC179775CDE}" destId="{BEA4C4E4-5CC4-43DB-8CDA-6AE61F23286E}" srcOrd="2" destOrd="0" presId="urn:microsoft.com/office/officeart/2005/8/layout/list1"/>
    <dgm:cxn modelId="{E4EC932E-826E-416F-9982-DC1B427E9B63}" type="presParOf" srcId="{7A312B95-7A60-4A2A-80C3-0AC179775CDE}" destId="{48C74FBA-722C-4A43-A734-AD6C76A7ACD6}" srcOrd="3" destOrd="0" presId="urn:microsoft.com/office/officeart/2005/8/layout/list1"/>
    <dgm:cxn modelId="{694A699C-2A98-4626-8368-F9E4F81EAD98}" type="presParOf" srcId="{7A312B95-7A60-4A2A-80C3-0AC179775CDE}" destId="{C3A58903-1B9A-42E3-AB5D-C5EB41811AAB}" srcOrd="4" destOrd="0" presId="urn:microsoft.com/office/officeart/2005/8/layout/list1"/>
    <dgm:cxn modelId="{8E484094-AC1D-40C4-A834-8DE2A4BAFBA8}" type="presParOf" srcId="{C3A58903-1B9A-42E3-AB5D-C5EB41811AAB}" destId="{19FFF9D9-5DB7-47A6-A39B-4621C2EAC8C0}" srcOrd="0" destOrd="0" presId="urn:microsoft.com/office/officeart/2005/8/layout/list1"/>
    <dgm:cxn modelId="{32D5BE9D-93CC-4C56-B3C0-A44FC3A55DDA}" type="presParOf" srcId="{C3A58903-1B9A-42E3-AB5D-C5EB41811AAB}" destId="{5B97F13B-4B4E-41E2-8D94-A83316392460}" srcOrd="1" destOrd="0" presId="urn:microsoft.com/office/officeart/2005/8/layout/list1"/>
    <dgm:cxn modelId="{06037938-0F0B-435B-BD4E-55849A03793D}" type="presParOf" srcId="{7A312B95-7A60-4A2A-80C3-0AC179775CDE}" destId="{8772DF5E-516E-42D3-904E-0F6F7AFF9D70}" srcOrd="5" destOrd="0" presId="urn:microsoft.com/office/officeart/2005/8/layout/list1"/>
    <dgm:cxn modelId="{06CE4C7F-AD7D-4EFD-9FE5-63D6C7DE0A89}" type="presParOf" srcId="{7A312B95-7A60-4A2A-80C3-0AC179775CDE}" destId="{D2BD01C7-9AA6-40DD-9606-AFE281023FAD}" srcOrd="6" destOrd="0" presId="urn:microsoft.com/office/officeart/2005/8/layout/list1"/>
    <dgm:cxn modelId="{5E0DB091-B15A-484D-8BE3-9559EED045D6}" type="presParOf" srcId="{7A312B95-7A60-4A2A-80C3-0AC179775CDE}" destId="{E5531F6A-55D0-4A04-8A9E-C31B84D2B7F7}" srcOrd="7" destOrd="0" presId="urn:microsoft.com/office/officeart/2005/8/layout/list1"/>
    <dgm:cxn modelId="{D36FD3A7-FFD4-49FA-AC8C-EDCEA4E6C11D}" type="presParOf" srcId="{7A312B95-7A60-4A2A-80C3-0AC179775CDE}" destId="{E523A32A-4F45-48FA-B259-4B4B230D7DD4}" srcOrd="8" destOrd="0" presId="urn:microsoft.com/office/officeart/2005/8/layout/list1"/>
    <dgm:cxn modelId="{1CCC4A80-7A0E-4DA7-BEDA-37B4B42A1E5D}" type="presParOf" srcId="{E523A32A-4F45-48FA-B259-4B4B230D7DD4}" destId="{966AF056-B2E3-42C6-A506-A320F854324C}" srcOrd="0" destOrd="0" presId="urn:microsoft.com/office/officeart/2005/8/layout/list1"/>
    <dgm:cxn modelId="{D4A6CA75-F2C8-4C4A-B855-4044EB4FC1AC}" type="presParOf" srcId="{E523A32A-4F45-48FA-B259-4B4B230D7DD4}" destId="{31E7A430-72B4-40F8-9CBF-6F3CD22AB3DC}" srcOrd="1" destOrd="0" presId="urn:microsoft.com/office/officeart/2005/8/layout/list1"/>
    <dgm:cxn modelId="{CFB29A40-1228-4D5D-860F-E9E91CFD40C1}" type="presParOf" srcId="{7A312B95-7A60-4A2A-80C3-0AC179775CDE}" destId="{293EB28C-1EF4-4C90-8B9A-8AE88E837CA9}" srcOrd="9" destOrd="0" presId="urn:microsoft.com/office/officeart/2005/8/layout/list1"/>
    <dgm:cxn modelId="{CB19687B-E4EF-487C-8915-B73140CBD612}" type="presParOf" srcId="{7A312B95-7A60-4A2A-80C3-0AC179775CDE}" destId="{867E67DA-F647-4DBF-BA2C-1BAC7688FADC}" srcOrd="10" destOrd="0" presId="urn:microsoft.com/office/officeart/2005/8/layout/list1"/>
    <dgm:cxn modelId="{55C00B98-5803-4772-B03D-623566181A96}" type="presParOf" srcId="{7A312B95-7A60-4A2A-80C3-0AC179775CDE}" destId="{2CA70641-39E6-4FB7-B523-E833E1AC6FF7}" srcOrd="11" destOrd="0" presId="urn:microsoft.com/office/officeart/2005/8/layout/list1"/>
    <dgm:cxn modelId="{E3DD66DA-3AA2-4835-A0D6-397C43DD7D2F}" type="presParOf" srcId="{7A312B95-7A60-4A2A-80C3-0AC179775CDE}" destId="{EB15AF81-E03B-4567-8888-35C42F936923}" srcOrd="12" destOrd="0" presId="urn:microsoft.com/office/officeart/2005/8/layout/list1"/>
    <dgm:cxn modelId="{EE96E163-E755-40BC-BCA5-A022FF9D7E9B}" type="presParOf" srcId="{EB15AF81-E03B-4567-8888-35C42F936923}" destId="{10775023-CC3E-47D9-A66B-F00F5978F07F}" srcOrd="0" destOrd="0" presId="urn:microsoft.com/office/officeart/2005/8/layout/list1"/>
    <dgm:cxn modelId="{E35F4CE2-E8EB-48EC-8A34-5496AD204475}" type="presParOf" srcId="{EB15AF81-E03B-4567-8888-35C42F936923}" destId="{3505E2D5-9E91-4F98-B3A8-66FE5E03CCA9}" srcOrd="1" destOrd="0" presId="urn:microsoft.com/office/officeart/2005/8/layout/list1"/>
    <dgm:cxn modelId="{21F4B8DD-F38A-4156-81A3-170C6AB687F3}" type="presParOf" srcId="{7A312B95-7A60-4A2A-80C3-0AC179775CDE}" destId="{48FBD6FF-E77C-4ABE-87CF-21D99E71F0C8}" srcOrd="13" destOrd="0" presId="urn:microsoft.com/office/officeart/2005/8/layout/list1"/>
    <dgm:cxn modelId="{A777FF9C-E2D7-4F80-9565-5CC17E61C25E}" type="presParOf" srcId="{7A312B95-7A60-4A2A-80C3-0AC179775CDE}" destId="{FB45A2F2-BC09-4169-B6B9-24A037A29653}" srcOrd="14" destOrd="0" presId="urn:microsoft.com/office/officeart/2005/8/layout/list1"/>
    <dgm:cxn modelId="{69D774CE-11E1-4375-A9ED-952F57AF4EF8}" type="presParOf" srcId="{7A312B95-7A60-4A2A-80C3-0AC179775CDE}" destId="{2BC8F18A-72E6-4135-9294-1362F296699C}" srcOrd="15" destOrd="0" presId="urn:microsoft.com/office/officeart/2005/8/layout/list1"/>
    <dgm:cxn modelId="{8E0FA4E8-92A3-4E57-B0CD-A37C7A9D7722}" type="presParOf" srcId="{7A312B95-7A60-4A2A-80C3-0AC179775CDE}" destId="{6A9F79DA-0F16-47F0-9DCD-F8CB5DC4511C}" srcOrd="16" destOrd="0" presId="urn:microsoft.com/office/officeart/2005/8/layout/list1"/>
    <dgm:cxn modelId="{1FBC8FCC-E7B9-40F9-B57C-514F52A7BD0B}" type="presParOf" srcId="{6A9F79DA-0F16-47F0-9DCD-F8CB5DC4511C}" destId="{4E97F6F3-E829-4858-B091-F1707FBE7E86}" srcOrd="0" destOrd="0" presId="urn:microsoft.com/office/officeart/2005/8/layout/list1"/>
    <dgm:cxn modelId="{E86082C8-3DA9-46E9-B29C-7E3DEAAD0EDC}" type="presParOf" srcId="{6A9F79DA-0F16-47F0-9DCD-F8CB5DC4511C}" destId="{8E649494-9456-404A-BCF1-F72FDAFBA2B1}" srcOrd="1" destOrd="0" presId="urn:microsoft.com/office/officeart/2005/8/layout/list1"/>
    <dgm:cxn modelId="{2B1F35BB-9B3E-4B5F-8069-37CDF5C58BCE}" type="presParOf" srcId="{7A312B95-7A60-4A2A-80C3-0AC179775CDE}" destId="{5A8E44C2-932D-46A7-BBB9-72A9DC7080F5}" srcOrd="17" destOrd="0" presId="urn:microsoft.com/office/officeart/2005/8/layout/list1"/>
    <dgm:cxn modelId="{787DF0DE-A67E-4808-8A8E-8482BCB444B9}" type="presParOf" srcId="{7A312B95-7A60-4A2A-80C3-0AC179775CDE}" destId="{C745A536-EE7E-40F2-AEA8-363290B7B95C}" srcOrd="18" destOrd="0" presId="urn:microsoft.com/office/officeart/2005/8/layout/list1"/>
    <dgm:cxn modelId="{8616840A-8A25-483B-BBB3-B93E3FEB63A9}" type="presParOf" srcId="{7A312B95-7A60-4A2A-80C3-0AC179775CDE}" destId="{E5450678-3D2D-4DD7-AE0E-19A11397FEA6}" srcOrd="19" destOrd="0" presId="urn:microsoft.com/office/officeart/2005/8/layout/list1"/>
    <dgm:cxn modelId="{B59AAEE8-0346-40F3-9A3F-E5FB4E92B0B5}" type="presParOf" srcId="{7A312B95-7A60-4A2A-80C3-0AC179775CDE}" destId="{ADA37CDB-9928-46A0-8BE7-D518A9E13E60}" srcOrd="20" destOrd="0" presId="urn:microsoft.com/office/officeart/2005/8/layout/list1"/>
    <dgm:cxn modelId="{B1BF1123-C72A-4FCA-A1F0-29BB12DEA08C}" type="presParOf" srcId="{ADA37CDB-9928-46A0-8BE7-D518A9E13E60}" destId="{9239C90A-4CF9-46D6-A2A7-3709ABACC9B9}" srcOrd="0" destOrd="0" presId="urn:microsoft.com/office/officeart/2005/8/layout/list1"/>
    <dgm:cxn modelId="{7E0C6FFA-09DA-4768-A1E9-4BCC8CE54D3A}" type="presParOf" srcId="{ADA37CDB-9928-46A0-8BE7-D518A9E13E60}" destId="{9AEFA7F6-9B1F-4D8E-A721-281DDA055315}" srcOrd="1" destOrd="0" presId="urn:microsoft.com/office/officeart/2005/8/layout/list1"/>
    <dgm:cxn modelId="{C7232774-4924-46C6-A3E3-07FB3D9301A6}" type="presParOf" srcId="{7A312B95-7A60-4A2A-80C3-0AC179775CDE}" destId="{DF3A48B8-377E-47EF-841D-11B6BCFEBD46}" srcOrd="21" destOrd="0" presId="urn:microsoft.com/office/officeart/2005/8/layout/list1"/>
    <dgm:cxn modelId="{D329812B-679B-42C9-BD63-4D7FA3A6FDA7}" type="presParOf" srcId="{7A312B95-7A60-4A2A-80C3-0AC179775CDE}" destId="{80EF80D2-B369-400D-9DC6-765634E77C35}" srcOrd="22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FEAB63C-0CA7-4F8F-8FE2-8109D6934409}" type="doc">
      <dgm:prSet loTypeId="urn:microsoft.com/office/officeart/2005/8/layout/hProcess9" loCatId="process" qsTypeId="urn:microsoft.com/office/officeart/2005/8/quickstyle/simple1" qsCatId="simple" csTypeId="urn:microsoft.com/office/officeart/2005/8/colors/colorful1" csCatId="colorful" phldr="1"/>
      <dgm:spPr/>
    </dgm:pt>
    <dgm:pt modelId="{522EB199-325A-489F-952C-BDEAD9082C13}">
      <dgm:prSet phldrT="[Text]"/>
      <dgm:spPr/>
      <dgm:t>
        <a:bodyPr/>
        <a:lstStyle/>
        <a:p>
          <a:r>
            <a:rPr lang="en-CA" dirty="0"/>
            <a:t>Download the data set | Import libraries</a:t>
          </a:r>
          <a:endParaRPr lang="pt-BR" dirty="0"/>
        </a:p>
      </dgm:t>
    </dgm:pt>
    <dgm:pt modelId="{E4F4E2E4-1F4B-4F9E-9327-3D26A2F74B62}" type="parTrans" cxnId="{C2ADED96-E3A0-42FB-B122-7460B01F7276}">
      <dgm:prSet/>
      <dgm:spPr/>
      <dgm:t>
        <a:bodyPr/>
        <a:lstStyle/>
        <a:p>
          <a:endParaRPr lang="pt-BR"/>
        </a:p>
      </dgm:t>
    </dgm:pt>
    <dgm:pt modelId="{413B099A-8449-40A0-825D-D1EDD7EA576B}" type="sibTrans" cxnId="{C2ADED96-E3A0-42FB-B122-7460B01F7276}">
      <dgm:prSet/>
      <dgm:spPr/>
      <dgm:t>
        <a:bodyPr/>
        <a:lstStyle/>
        <a:p>
          <a:endParaRPr lang="pt-BR"/>
        </a:p>
      </dgm:t>
    </dgm:pt>
    <dgm:pt modelId="{65540625-ECCD-495F-B1D0-69CFA6F0409F}">
      <dgm:prSet phldrT="[Text]"/>
      <dgm:spPr/>
      <dgm:t>
        <a:bodyPr/>
        <a:lstStyle/>
        <a:p>
          <a:r>
            <a:rPr lang="en-CA" dirty="0"/>
            <a:t>ETL | Cleaning the data (</a:t>
          </a:r>
          <a:r>
            <a:rPr lang="en-CA" dirty="0" err="1"/>
            <a:t>duolicates</a:t>
          </a:r>
          <a:r>
            <a:rPr lang="en-CA" dirty="0"/>
            <a:t>, null values, remove HTML tags, special </a:t>
          </a:r>
          <a:r>
            <a:rPr lang="en-CA" dirty="0" err="1"/>
            <a:t>caracters</a:t>
          </a:r>
          <a:r>
            <a:rPr lang="en-CA" dirty="0"/>
            <a:t>, convert everything to </a:t>
          </a:r>
          <a:r>
            <a:rPr lang="en-CA" dirty="0" err="1"/>
            <a:t>lowcase</a:t>
          </a:r>
          <a:r>
            <a:rPr lang="en-CA" dirty="0"/>
            <a:t>, </a:t>
          </a:r>
          <a:r>
            <a:rPr lang="en-CA" dirty="0" err="1"/>
            <a:t>etc</a:t>
          </a:r>
          <a:r>
            <a:rPr lang="en-CA" dirty="0"/>
            <a:t>)</a:t>
          </a:r>
          <a:endParaRPr lang="pt-BR" dirty="0"/>
        </a:p>
      </dgm:t>
    </dgm:pt>
    <dgm:pt modelId="{FDAFCCCB-E207-4C35-8E31-2423B31732AD}" type="parTrans" cxnId="{C09B3882-6319-4A7D-B6E1-560E34DABE19}">
      <dgm:prSet/>
      <dgm:spPr/>
      <dgm:t>
        <a:bodyPr/>
        <a:lstStyle/>
        <a:p>
          <a:endParaRPr lang="pt-BR"/>
        </a:p>
      </dgm:t>
    </dgm:pt>
    <dgm:pt modelId="{73208616-DF88-40C6-878B-11BE2F3F2A70}" type="sibTrans" cxnId="{C09B3882-6319-4A7D-B6E1-560E34DABE19}">
      <dgm:prSet/>
      <dgm:spPr/>
      <dgm:t>
        <a:bodyPr/>
        <a:lstStyle/>
        <a:p>
          <a:endParaRPr lang="pt-BR"/>
        </a:p>
      </dgm:t>
    </dgm:pt>
    <dgm:pt modelId="{781DF254-B1D1-4265-82D8-0F565708CABE}">
      <dgm:prSet phldrT="[Text]"/>
      <dgm:spPr/>
      <dgm:t>
        <a:bodyPr/>
        <a:lstStyle/>
        <a:p>
          <a:r>
            <a:rPr lang="en-CA" dirty="0"/>
            <a:t>ML Coding &amp; Create the model </a:t>
          </a:r>
          <a:endParaRPr lang="pt-BR" dirty="0"/>
        </a:p>
      </dgm:t>
    </dgm:pt>
    <dgm:pt modelId="{A2818221-DA1A-46DF-8C21-ADC1E1065414}" type="parTrans" cxnId="{B3F18443-67C6-4501-AF76-E8F102B5271B}">
      <dgm:prSet/>
      <dgm:spPr/>
      <dgm:t>
        <a:bodyPr/>
        <a:lstStyle/>
        <a:p>
          <a:endParaRPr lang="pt-BR"/>
        </a:p>
      </dgm:t>
    </dgm:pt>
    <dgm:pt modelId="{6492229F-82C4-4444-85A6-2F968404AF94}" type="sibTrans" cxnId="{B3F18443-67C6-4501-AF76-E8F102B5271B}">
      <dgm:prSet/>
      <dgm:spPr/>
      <dgm:t>
        <a:bodyPr/>
        <a:lstStyle/>
        <a:p>
          <a:endParaRPr lang="pt-BR"/>
        </a:p>
      </dgm:t>
    </dgm:pt>
    <dgm:pt modelId="{32ED1150-D78C-4280-AE12-6BAEE93B92A8}">
      <dgm:prSet/>
      <dgm:spPr/>
      <dgm:t>
        <a:bodyPr/>
        <a:lstStyle/>
        <a:p>
          <a:r>
            <a:rPr lang="en-CA" dirty="0"/>
            <a:t>Output &amp; Train test split</a:t>
          </a:r>
          <a:endParaRPr lang="pt-BR" dirty="0"/>
        </a:p>
      </dgm:t>
    </dgm:pt>
    <dgm:pt modelId="{CD77D90D-642C-4338-870A-E29C24671B75}" type="parTrans" cxnId="{9E870A9F-7AE7-4FFA-8EC2-A10605AB5880}">
      <dgm:prSet/>
      <dgm:spPr/>
      <dgm:t>
        <a:bodyPr/>
        <a:lstStyle/>
        <a:p>
          <a:endParaRPr lang="pt-BR"/>
        </a:p>
      </dgm:t>
    </dgm:pt>
    <dgm:pt modelId="{D01377AB-B9F1-4EB7-BB59-C6438F7254C9}" type="sibTrans" cxnId="{9E870A9F-7AE7-4FFA-8EC2-A10605AB5880}">
      <dgm:prSet/>
      <dgm:spPr/>
      <dgm:t>
        <a:bodyPr/>
        <a:lstStyle/>
        <a:p>
          <a:endParaRPr lang="pt-BR"/>
        </a:p>
      </dgm:t>
    </dgm:pt>
    <dgm:pt modelId="{56126EB5-F485-42E1-91B3-D99259E5C4EE}">
      <dgm:prSet/>
      <dgm:spPr/>
      <dgm:t>
        <a:bodyPr/>
        <a:lstStyle/>
        <a:p>
          <a:r>
            <a:rPr lang="en-CA" dirty="0"/>
            <a:t>Defining the model and training</a:t>
          </a:r>
          <a:endParaRPr lang="pt-BR" dirty="0"/>
        </a:p>
      </dgm:t>
    </dgm:pt>
    <dgm:pt modelId="{E51670E3-DF6F-436A-AACA-EE787071C194}" type="parTrans" cxnId="{B95FCB7D-7593-4592-8489-962E8A6871BC}">
      <dgm:prSet/>
      <dgm:spPr/>
      <dgm:t>
        <a:bodyPr/>
        <a:lstStyle/>
        <a:p>
          <a:endParaRPr lang="pt-BR"/>
        </a:p>
      </dgm:t>
    </dgm:pt>
    <dgm:pt modelId="{9BA8FDA5-BC05-42D0-B4E5-EA2F3B838165}" type="sibTrans" cxnId="{B95FCB7D-7593-4592-8489-962E8A6871BC}">
      <dgm:prSet/>
      <dgm:spPr/>
      <dgm:t>
        <a:bodyPr/>
        <a:lstStyle/>
        <a:p>
          <a:endParaRPr lang="pt-BR"/>
        </a:p>
      </dgm:t>
    </dgm:pt>
    <dgm:pt modelId="{6734D984-968D-4B67-A2E7-FFCB5CC1491A}">
      <dgm:prSet/>
      <dgm:spPr/>
      <dgm:t>
        <a:bodyPr/>
        <a:lstStyle/>
        <a:p>
          <a:r>
            <a:rPr lang="en-CA" dirty="0"/>
            <a:t>Prediction and accuracy metrics to choose the best model</a:t>
          </a:r>
          <a:endParaRPr lang="pt-BR" dirty="0"/>
        </a:p>
      </dgm:t>
    </dgm:pt>
    <dgm:pt modelId="{CD2A314A-8FB1-4958-A1D9-D176759B7C0C}" type="parTrans" cxnId="{B2766F0C-BBAB-4C73-857C-4B5F579F5310}">
      <dgm:prSet/>
      <dgm:spPr/>
      <dgm:t>
        <a:bodyPr/>
        <a:lstStyle/>
        <a:p>
          <a:endParaRPr lang="pt-BR"/>
        </a:p>
      </dgm:t>
    </dgm:pt>
    <dgm:pt modelId="{34D76184-F993-4D2C-B635-A5A1918E9BB2}" type="sibTrans" cxnId="{B2766F0C-BBAB-4C73-857C-4B5F579F5310}">
      <dgm:prSet/>
      <dgm:spPr/>
      <dgm:t>
        <a:bodyPr/>
        <a:lstStyle/>
        <a:p>
          <a:endParaRPr lang="pt-BR"/>
        </a:p>
      </dgm:t>
    </dgm:pt>
    <dgm:pt modelId="{9F07F713-7F52-4FA2-94D9-3D201CD51CD6}">
      <dgm:prSet/>
      <dgm:spPr/>
      <dgm:t>
        <a:bodyPr/>
        <a:lstStyle/>
        <a:p>
          <a:r>
            <a:rPr lang="en-CA" dirty="0"/>
            <a:t>Statistical Analysis &amp; Data Analysis findings</a:t>
          </a:r>
          <a:endParaRPr lang="pt-BR" dirty="0"/>
        </a:p>
      </dgm:t>
    </dgm:pt>
    <dgm:pt modelId="{B714F6A8-965A-4E75-B6E9-359C34052B8F}" type="parTrans" cxnId="{EE73BB3F-7BCF-46B3-B414-59FC61C155A6}">
      <dgm:prSet/>
      <dgm:spPr/>
      <dgm:t>
        <a:bodyPr/>
        <a:lstStyle/>
        <a:p>
          <a:endParaRPr lang="pt-BR"/>
        </a:p>
      </dgm:t>
    </dgm:pt>
    <dgm:pt modelId="{E7C841F3-7BED-4893-9053-05F7A37BF86B}" type="sibTrans" cxnId="{EE73BB3F-7BCF-46B3-B414-59FC61C155A6}">
      <dgm:prSet/>
      <dgm:spPr/>
      <dgm:t>
        <a:bodyPr/>
        <a:lstStyle/>
        <a:p>
          <a:endParaRPr lang="pt-BR"/>
        </a:p>
      </dgm:t>
    </dgm:pt>
    <dgm:pt modelId="{3777F3DD-8935-45A1-B807-1DE4B1969C47}" type="pres">
      <dgm:prSet presAssocID="{CFEAB63C-0CA7-4F8F-8FE2-8109D6934409}" presName="CompostProcess" presStyleCnt="0">
        <dgm:presLayoutVars>
          <dgm:dir/>
          <dgm:resizeHandles val="exact"/>
        </dgm:presLayoutVars>
      </dgm:prSet>
      <dgm:spPr/>
    </dgm:pt>
    <dgm:pt modelId="{B756DD7B-BA46-4F40-A89A-BB5F9ED98ED2}" type="pres">
      <dgm:prSet presAssocID="{CFEAB63C-0CA7-4F8F-8FE2-8109D6934409}" presName="arrow" presStyleLbl="bgShp" presStyleIdx="0" presStyleCnt="1"/>
      <dgm:spPr/>
    </dgm:pt>
    <dgm:pt modelId="{32D2A29D-8C7C-4672-A080-3820D1D78AD0}" type="pres">
      <dgm:prSet presAssocID="{CFEAB63C-0CA7-4F8F-8FE2-8109D6934409}" presName="linearProcess" presStyleCnt="0"/>
      <dgm:spPr/>
    </dgm:pt>
    <dgm:pt modelId="{D729B9E1-3950-4E32-AF9A-F38AFEEEBAC0}" type="pres">
      <dgm:prSet presAssocID="{522EB199-325A-489F-952C-BDEAD9082C13}" presName="textNode" presStyleLbl="node1" presStyleIdx="0" presStyleCnt="7">
        <dgm:presLayoutVars>
          <dgm:bulletEnabled val="1"/>
        </dgm:presLayoutVars>
      </dgm:prSet>
      <dgm:spPr/>
    </dgm:pt>
    <dgm:pt modelId="{56312A2B-C586-4101-B10D-287A5D4749A7}" type="pres">
      <dgm:prSet presAssocID="{413B099A-8449-40A0-825D-D1EDD7EA576B}" presName="sibTrans" presStyleCnt="0"/>
      <dgm:spPr/>
    </dgm:pt>
    <dgm:pt modelId="{CFFAEF92-D4BF-430D-9288-ABDD22CC3432}" type="pres">
      <dgm:prSet presAssocID="{65540625-ECCD-495F-B1D0-69CFA6F0409F}" presName="textNode" presStyleLbl="node1" presStyleIdx="1" presStyleCnt="7">
        <dgm:presLayoutVars>
          <dgm:bulletEnabled val="1"/>
        </dgm:presLayoutVars>
      </dgm:prSet>
      <dgm:spPr/>
    </dgm:pt>
    <dgm:pt modelId="{DA9069C2-2CD0-41FA-B498-1EC47B341BA5}" type="pres">
      <dgm:prSet presAssocID="{73208616-DF88-40C6-878B-11BE2F3F2A70}" presName="sibTrans" presStyleCnt="0"/>
      <dgm:spPr/>
    </dgm:pt>
    <dgm:pt modelId="{1CB57422-7EAB-4BD2-B7D4-AD5109C4967D}" type="pres">
      <dgm:prSet presAssocID="{781DF254-B1D1-4265-82D8-0F565708CABE}" presName="textNode" presStyleLbl="node1" presStyleIdx="2" presStyleCnt="7">
        <dgm:presLayoutVars>
          <dgm:bulletEnabled val="1"/>
        </dgm:presLayoutVars>
      </dgm:prSet>
      <dgm:spPr/>
    </dgm:pt>
    <dgm:pt modelId="{CDF52E09-A22B-4E52-B611-D8B3234ECD36}" type="pres">
      <dgm:prSet presAssocID="{6492229F-82C4-4444-85A6-2F968404AF94}" presName="sibTrans" presStyleCnt="0"/>
      <dgm:spPr/>
    </dgm:pt>
    <dgm:pt modelId="{E74F8F85-FC1D-43E2-93ED-D8DEAF1AD3F3}" type="pres">
      <dgm:prSet presAssocID="{32ED1150-D78C-4280-AE12-6BAEE93B92A8}" presName="textNode" presStyleLbl="node1" presStyleIdx="3" presStyleCnt="7">
        <dgm:presLayoutVars>
          <dgm:bulletEnabled val="1"/>
        </dgm:presLayoutVars>
      </dgm:prSet>
      <dgm:spPr/>
    </dgm:pt>
    <dgm:pt modelId="{8A558CEF-FBAC-4988-A721-74351FB0112F}" type="pres">
      <dgm:prSet presAssocID="{D01377AB-B9F1-4EB7-BB59-C6438F7254C9}" presName="sibTrans" presStyleCnt="0"/>
      <dgm:spPr/>
    </dgm:pt>
    <dgm:pt modelId="{4DF39A29-09F1-441E-835C-FB86A1343A29}" type="pres">
      <dgm:prSet presAssocID="{56126EB5-F485-42E1-91B3-D99259E5C4EE}" presName="textNode" presStyleLbl="node1" presStyleIdx="4" presStyleCnt="7">
        <dgm:presLayoutVars>
          <dgm:bulletEnabled val="1"/>
        </dgm:presLayoutVars>
      </dgm:prSet>
      <dgm:spPr/>
    </dgm:pt>
    <dgm:pt modelId="{0A7E09D6-E749-4E33-8DE1-00B1F58B07D6}" type="pres">
      <dgm:prSet presAssocID="{9BA8FDA5-BC05-42D0-B4E5-EA2F3B838165}" presName="sibTrans" presStyleCnt="0"/>
      <dgm:spPr/>
    </dgm:pt>
    <dgm:pt modelId="{9F831D14-084A-48DF-BAA2-CF99C263CE15}" type="pres">
      <dgm:prSet presAssocID="{6734D984-968D-4B67-A2E7-FFCB5CC1491A}" presName="textNode" presStyleLbl="node1" presStyleIdx="5" presStyleCnt="7">
        <dgm:presLayoutVars>
          <dgm:bulletEnabled val="1"/>
        </dgm:presLayoutVars>
      </dgm:prSet>
      <dgm:spPr/>
    </dgm:pt>
    <dgm:pt modelId="{261B8A8E-70AF-45ED-8A1E-39E1F05357A0}" type="pres">
      <dgm:prSet presAssocID="{34D76184-F993-4D2C-B635-A5A1918E9BB2}" presName="sibTrans" presStyleCnt="0"/>
      <dgm:spPr/>
    </dgm:pt>
    <dgm:pt modelId="{0D53421C-9384-4DCD-AC12-69C96D64EFC3}" type="pres">
      <dgm:prSet presAssocID="{9F07F713-7F52-4FA2-94D9-3D201CD51CD6}" presName="textNode" presStyleLbl="node1" presStyleIdx="6" presStyleCnt="7">
        <dgm:presLayoutVars>
          <dgm:bulletEnabled val="1"/>
        </dgm:presLayoutVars>
      </dgm:prSet>
      <dgm:spPr/>
    </dgm:pt>
  </dgm:ptLst>
  <dgm:cxnLst>
    <dgm:cxn modelId="{B2766F0C-BBAB-4C73-857C-4B5F579F5310}" srcId="{CFEAB63C-0CA7-4F8F-8FE2-8109D6934409}" destId="{6734D984-968D-4B67-A2E7-FFCB5CC1491A}" srcOrd="5" destOrd="0" parTransId="{CD2A314A-8FB1-4958-A1D9-D176759B7C0C}" sibTransId="{34D76184-F993-4D2C-B635-A5A1918E9BB2}"/>
    <dgm:cxn modelId="{EE73BB3F-7BCF-46B3-B414-59FC61C155A6}" srcId="{CFEAB63C-0CA7-4F8F-8FE2-8109D6934409}" destId="{9F07F713-7F52-4FA2-94D9-3D201CD51CD6}" srcOrd="6" destOrd="0" parTransId="{B714F6A8-965A-4E75-B6E9-359C34052B8F}" sibTransId="{E7C841F3-7BED-4893-9053-05F7A37BF86B}"/>
    <dgm:cxn modelId="{1DE0B35B-2B18-4E1F-A8C7-F53295690C58}" type="presOf" srcId="{6734D984-968D-4B67-A2E7-FFCB5CC1491A}" destId="{9F831D14-084A-48DF-BAA2-CF99C263CE15}" srcOrd="0" destOrd="0" presId="urn:microsoft.com/office/officeart/2005/8/layout/hProcess9"/>
    <dgm:cxn modelId="{B3F18443-67C6-4501-AF76-E8F102B5271B}" srcId="{CFEAB63C-0CA7-4F8F-8FE2-8109D6934409}" destId="{781DF254-B1D1-4265-82D8-0F565708CABE}" srcOrd="2" destOrd="0" parTransId="{A2818221-DA1A-46DF-8C21-ADC1E1065414}" sibTransId="{6492229F-82C4-4444-85A6-2F968404AF94}"/>
    <dgm:cxn modelId="{28A18D53-AD9A-426F-9069-8D8660AA88F5}" type="presOf" srcId="{781DF254-B1D1-4265-82D8-0F565708CABE}" destId="{1CB57422-7EAB-4BD2-B7D4-AD5109C4967D}" srcOrd="0" destOrd="0" presId="urn:microsoft.com/office/officeart/2005/8/layout/hProcess9"/>
    <dgm:cxn modelId="{B95FCB7D-7593-4592-8489-962E8A6871BC}" srcId="{CFEAB63C-0CA7-4F8F-8FE2-8109D6934409}" destId="{56126EB5-F485-42E1-91B3-D99259E5C4EE}" srcOrd="4" destOrd="0" parTransId="{E51670E3-DF6F-436A-AACA-EE787071C194}" sibTransId="{9BA8FDA5-BC05-42D0-B4E5-EA2F3B838165}"/>
    <dgm:cxn modelId="{EF436A81-9AF7-441C-8345-5D01B5540C5B}" type="presOf" srcId="{9F07F713-7F52-4FA2-94D9-3D201CD51CD6}" destId="{0D53421C-9384-4DCD-AC12-69C96D64EFC3}" srcOrd="0" destOrd="0" presId="urn:microsoft.com/office/officeart/2005/8/layout/hProcess9"/>
    <dgm:cxn modelId="{C09B3882-6319-4A7D-B6E1-560E34DABE19}" srcId="{CFEAB63C-0CA7-4F8F-8FE2-8109D6934409}" destId="{65540625-ECCD-495F-B1D0-69CFA6F0409F}" srcOrd="1" destOrd="0" parTransId="{FDAFCCCB-E207-4C35-8E31-2423B31732AD}" sibTransId="{73208616-DF88-40C6-878B-11BE2F3F2A70}"/>
    <dgm:cxn modelId="{C2ADED96-E3A0-42FB-B122-7460B01F7276}" srcId="{CFEAB63C-0CA7-4F8F-8FE2-8109D6934409}" destId="{522EB199-325A-489F-952C-BDEAD9082C13}" srcOrd="0" destOrd="0" parTransId="{E4F4E2E4-1F4B-4F9E-9327-3D26A2F74B62}" sibTransId="{413B099A-8449-40A0-825D-D1EDD7EA576B}"/>
    <dgm:cxn modelId="{9E870A9F-7AE7-4FFA-8EC2-A10605AB5880}" srcId="{CFEAB63C-0CA7-4F8F-8FE2-8109D6934409}" destId="{32ED1150-D78C-4280-AE12-6BAEE93B92A8}" srcOrd="3" destOrd="0" parTransId="{CD77D90D-642C-4338-870A-E29C24671B75}" sibTransId="{D01377AB-B9F1-4EB7-BB59-C6438F7254C9}"/>
    <dgm:cxn modelId="{E44F73A2-AC0C-40C2-B1A3-D387481F4C16}" type="presOf" srcId="{56126EB5-F485-42E1-91B3-D99259E5C4EE}" destId="{4DF39A29-09F1-441E-835C-FB86A1343A29}" srcOrd="0" destOrd="0" presId="urn:microsoft.com/office/officeart/2005/8/layout/hProcess9"/>
    <dgm:cxn modelId="{6065E6B3-93EA-4F12-B2A9-428867274478}" type="presOf" srcId="{522EB199-325A-489F-952C-BDEAD9082C13}" destId="{D729B9E1-3950-4E32-AF9A-F38AFEEEBAC0}" srcOrd="0" destOrd="0" presId="urn:microsoft.com/office/officeart/2005/8/layout/hProcess9"/>
    <dgm:cxn modelId="{F8DA38D4-5054-42E5-84CB-87319B4E77D8}" type="presOf" srcId="{32ED1150-D78C-4280-AE12-6BAEE93B92A8}" destId="{E74F8F85-FC1D-43E2-93ED-D8DEAF1AD3F3}" srcOrd="0" destOrd="0" presId="urn:microsoft.com/office/officeart/2005/8/layout/hProcess9"/>
    <dgm:cxn modelId="{49851FE2-8142-46C9-A01B-962ADCB21C6C}" type="presOf" srcId="{65540625-ECCD-495F-B1D0-69CFA6F0409F}" destId="{CFFAEF92-D4BF-430D-9288-ABDD22CC3432}" srcOrd="0" destOrd="0" presId="urn:microsoft.com/office/officeart/2005/8/layout/hProcess9"/>
    <dgm:cxn modelId="{B5C74FE6-B07C-4F63-8192-77F7FDA37952}" type="presOf" srcId="{CFEAB63C-0CA7-4F8F-8FE2-8109D6934409}" destId="{3777F3DD-8935-45A1-B807-1DE4B1969C47}" srcOrd="0" destOrd="0" presId="urn:microsoft.com/office/officeart/2005/8/layout/hProcess9"/>
    <dgm:cxn modelId="{3BD8A86D-87D4-4989-BEEB-878BD92B90CE}" type="presParOf" srcId="{3777F3DD-8935-45A1-B807-1DE4B1969C47}" destId="{B756DD7B-BA46-4F40-A89A-BB5F9ED98ED2}" srcOrd="0" destOrd="0" presId="urn:microsoft.com/office/officeart/2005/8/layout/hProcess9"/>
    <dgm:cxn modelId="{281E0279-3946-4B8A-8351-43E6BEB141C5}" type="presParOf" srcId="{3777F3DD-8935-45A1-B807-1DE4B1969C47}" destId="{32D2A29D-8C7C-4672-A080-3820D1D78AD0}" srcOrd="1" destOrd="0" presId="urn:microsoft.com/office/officeart/2005/8/layout/hProcess9"/>
    <dgm:cxn modelId="{1390B8B3-93C4-444F-8040-C7696A2BDB44}" type="presParOf" srcId="{32D2A29D-8C7C-4672-A080-3820D1D78AD0}" destId="{D729B9E1-3950-4E32-AF9A-F38AFEEEBAC0}" srcOrd="0" destOrd="0" presId="urn:microsoft.com/office/officeart/2005/8/layout/hProcess9"/>
    <dgm:cxn modelId="{2103BB74-6D6E-413F-81D2-195D9A4144DB}" type="presParOf" srcId="{32D2A29D-8C7C-4672-A080-3820D1D78AD0}" destId="{56312A2B-C586-4101-B10D-287A5D4749A7}" srcOrd="1" destOrd="0" presId="urn:microsoft.com/office/officeart/2005/8/layout/hProcess9"/>
    <dgm:cxn modelId="{710F0F81-20EA-4FA8-ADC9-0A1CC8AFED5E}" type="presParOf" srcId="{32D2A29D-8C7C-4672-A080-3820D1D78AD0}" destId="{CFFAEF92-D4BF-430D-9288-ABDD22CC3432}" srcOrd="2" destOrd="0" presId="urn:microsoft.com/office/officeart/2005/8/layout/hProcess9"/>
    <dgm:cxn modelId="{ED7445F1-FF10-4BF6-8291-D3DABF150DA6}" type="presParOf" srcId="{32D2A29D-8C7C-4672-A080-3820D1D78AD0}" destId="{DA9069C2-2CD0-41FA-B498-1EC47B341BA5}" srcOrd="3" destOrd="0" presId="urn:microsoft.com/office/officeart/2005/8/layout/hProcess9"/>
    <dgm:cxn modelId="{1F644889-869A-4E82-BBEB-9E62C8066ED6}" type="presParOf" srcId="{32D2A29D-8C7C-4672-A080-3820D1D78AD0}" destId="{1CB57422-7EAB-4BD2-B7D4-AD5109C4967D}" srcOrd="4" destOrd="0" presId="urn:microsoft.com/office/officeart/2005/8/layout/hProcess9"/>
    <dgm:cxn modelId="{E1CD4EC9-14C2-46EC-8B0F-EA8B2F20AE5B}" type="presParOf" srcId="{32D2A29D-8C7C-4672-A080-3820D1D78AD0}" destId="{CDF52E09-A22B-4E52-B611-D8B3234ECD36}" srcOrd="5" destOrd="0" presId="urn:microsoft.com/office/officeart/2005/8/layout/hProcess9"/>
    <dgm:cxn modelId="{E3AAE162-D293-446F-8F91-040BDE789164}" type="presParOf" srcId="{32D2A29D-8C7C-4672-A080-3820D1D78AD0}" destId="{E74F8F85-FC1D-43E2-93ED-D8DEAF1AD3F3}" srcOrd="6" destOrd="0" presId="urn:microsoft.com/office/officeart/2005/8/layout/hProcess9"/>
    <dgm:cxn modelId="{461D6DA9-F13F-4B8D-9D74-CD1268E1ABE2}" type="presParOf" srcId="{32D2A29D-8C7C-4672-A080-3820D1D78AD0}" destId="{8A558CEF-FBAC-4988-A721-74351FB0112F}" srcOrd="7" destOrd="0" presId="urn:microsoft.com/office/officeart/2005/8/layout/hProcess9"/>
    <dgm:cxn modelId="{49A405BE-A062-492B-A772-D8FDB24CF2AF}" type="presParOf" srcId="{32D2A29D-8C7C-4672-A080-3820D1D78AD0}" destId="{4DF39A29-09F1-441E-835C-FB86A1343A29}" srcOrd="8" destOrd="0" presId="urn:microsoft.com/office/officeart/2005/8/layout/hProcess9"/>
    <dgm:cxn modelId="{1E73BCC0-5F04-4715-994B-D8C82DFB5A95}" type="presParOf" srcId="{32D2A29D-8C7C-4672-A080-3820D1D78AD0}" destId="{0A7E09D6-E749-4E33-8DE1-00B1F58B07D6}" srcOrd="9" destOrd="0" presId="urn:microsoft.com/office/officeart/2005/8/layout/hProcess9"/>
    <dgm:cxn modelId="{0BEE5B45-7948-433E-977E-4B7FB21F463E}" type="presParOf" srcId="{32D2A29D-8C7C-4672-A080-3820D1D78AD0}" destId="{9F831D14-084A-48DF-BAA2-CF99C263CE15}" srcOrd="10" destOrd="0" presId="urn:microsoft.com/office/officeart/2005/8/layout/hProcess9"/>
    <dgm:cxn modelId="{6E9EB08A-24EF-40FA-B599-51A6CEC78313}" type="presParOf" srcId="{32D2A29D-8C7C-4672-A080-3820D1D78AD0}" destId="{261B8A8E-70AF-45ED-8A1E-39E1F05357A0}" srcOrd="11" destOrd="0" presId="urn:microsoft.com/office/officeart/2005/8/layout/hProcess9"/>
    <dgm:cxn modelId="{2B001AC1-3739-4BC9-B5D5-BBF8A2D93501}" type="presParOf" srcId="{32D2A29D-8C7C-4672-A080-3820D1D78AD0}" destId="{0D53421C-9384-4DCD-AC12-69C96D64EFC3}" srcOrd="12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EA4C4E4-5CC4-43DB-8CDA-6AE61F23286E}">
      <dsp:nvSpPr>
        <dsp:cNvPr id="0" name=""/>
        <dsp:cNvSpPr/>
      </dsp:nvSpPr>
      <dsp:spPr>
        <a:xfrm>
          <a:off x="0" y="69279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31286B7-B4D6-4EC9-9D9E-D9E42D29ED99}">
      <dsp:nvSpPr>
        <dsp:cNvPr id="0" name=""/>
        <dsp:cNvSpPr/>
      </dsp:nvSpPr>
      <dsp:spPr>
        <a:xfrm>
          <a:off x="406400" y="441873"/>
          <a:ext cx="5689600" cy="50184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Weekly meeting (zoom) </a:t>
          </a:r>
          <a:endParaRPr lang="pt-BR" sz="1700" kern="1200" dirty="0"/>
        </a:p>
      </dsp:txBody>
      <dsp:txXfrm>
        <a:off x="430898" y="466371"/>
        <a:ext cx="5640604" cy="452844"/>
      </dsp:txXfrm>
    </dsp:sp>
    <dsp:sp modelId="{D2BD01C7-9AA6-40DD-9606-AFE281023FAD}">
      <dsp:nvSpPr>
        <dsp:cNvPr id="0" name=""/>
        <dsp:cNvSpPr/>
      </dsp:nvSpPr>
      <dsp:spPr>
        <a:xfrm>
          <a:off x="0" y="146391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B97F13B-4B4E-41E2-8D94-A83316392460}">
      <dsp:nvSpPr>
        <dsp:cNvPr id="0" name=""/>
        <dsp:cNvSpPr/>
      </dsp:nvSpPr>
      <dsp:spPr>
        <a:xfrm>
          <a:off x="406400" y="1212993"/>
          <a:ext cx="5689600" cy="50184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Tasks list weekly</a:t>
          </a:r>
          <a:endParaRPr lang="pt-BR" sz="1700" kern="1200" dirty="0"/>
        </a:p>
      </dsp:txBody>
      <dsp:txXfrm>
        <a:off x="430898" y="1237491"/>
        <a:ext cx="5640604" cy="452844"/>
      </dsp:txXfrm>
    </dsp:sp>
    <dsp:sp modelId="{867E67DA-F647-4DBF-BA2C-1BAC7688FADC}">
      <dsp:nvSpPr>
        <dsp:cNvPr id="0" name=""/>
        <dsp:cNvSpPr/>
      </dsp:nvSpPr>
      <dsp:spPr>
        <a:xfrm>
          <a:off x="0" y="223503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1E7A430-72B4-40F8-9CBF-6F3CD22AB3DC}">
      <dsp:nvSpPr>
        <dsp:cNvPr id="0" name=""/>
        <dsp:cNvSpPr/>
      </dsp:nvSpPr>
      <dsp:spPr>
        <a:xfrm>
          <a:off x="406400" y="1984113"/>
          <a:ext cx="5689600" cy="501840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All responsible for commits on GitHub</a:t>
          </a:r>
          <a:endParaRPr lang="pt-BR" sz="1700" kern="1200" dirty="0"/>
        </a:p>
      </dsp:txBody>
      <dsp:txXfrm>
        <a:off x="430898" y="2008611"/>
        <a:ext cx="5640604" cy="452844"/>
      </dsp:txXfrm>
    </dsp:sp>
    <dsp:sp modelId="{FB45A2F2-BC09-4169-B6B9-24A037A29653}">
      <dsp:nvSpPr>
        <dsp:cNvPr id="0" name=""/>
        <dsp:cNvSpPr/>
      </dsp:nvSpPr>
      <dsp:spPr>
        <a:xfrm>
          <a:off x="0" y="300615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505E2D5-9E91-4F98-B3A8-66FE5E03CCA9}">
      <dsp:nvSpPr>
        <dsp:cNvPr id="0" name=""/>
        <dsp:cNvSpPr/>
      </dsp:nvSpPr>
      <dsp:spPr>
        <a:xfrm>
          <a:off x="406400" y="2755233"/>
          <a:ext cx="5689600" cy="501840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Official communication Channel: Slack Group 3</a:t>
          </a:r>
          <a:endParaRPr lang="pt-BR" sz="1700" kern="1200" dirty="0"/>
        </a:p>
      </dsp:txBody>
      <dsp:txXfrm>
        <a:off x="430898" y="2779731"/>
        <a:ext cx="5640604" cy="452844"/>
      </dsp:txXfrm>
    </dsp:sp>
    <dsp:sp modelId="{C745A536-EE7E-40F2-AEA8-363290B7B95C}">
      <dsp:nvSpPr>
        <dsp:cNvPr id="0" name=""/>
        <dsp:cNvSpPr/>
      </dsp:nvSpPr>
      <dsp:spPr>
        <a:xfrm>
          <a:off x="0" y="377727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E649494-9456-404A-BCF1-F72FDAFBA2B1}">
      <dsp:nvSpPr>
        <dsp:cNvPr id="0" name=""/>
        <dsp:cNvSpPr/>
      </dsp:nvSpPr>
      <dsp:spPr>
        <a:xfrm>
          <a:off x="406400" y="3526353"/>
          <a:ext cx="5689600" cy="501840"/>
        </a:xfrm>
        <a:prstGeom prst="round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700" kern="1200" dirty="0"/>
            <a:t>Weekly review for all deliverables and rubrics with all team</a:t>
          </a:r>
          <a:endParaRPr lang="pt-BR" sz="1700" kern="1200" dirty="0"/>
        </a:p>
      </dsp:txBody>
      <dsp:txXfrm>
        <a:off x="430898" y="3550851"/>
        <a:ext cx="5640604" cy="452844"/>
      </dsp:txXfrm>
    </dsp:sp>
    <dsp:sp modelId="{80EF80D2-B369-400D-9DC6-765634E77C35}">
      <dsp:nvSpPr>
        <dsp:cNvPr id="0" name=""/>
        <dsp:cNvSpPr/>
      </dsp:nvSpPr>
      <dsp:spPr>
        <a:xfrm>
          <a:off x="0" y="4548393"/>
          <a:ext cx="8128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AEFA7F6-9B1F-4D8E-A721-281DDA055315}">
      <dsp:nvSpPr>
        <dsp:cNvPr id="0" name=""/>
        <dsp:cNvSpPr/>
      </dsp:nvSpPr>
      <dsp:spPr>
        <a:xfrm>
          <a:off x="406400" y="4297473"/>
          <a:ext cx="5689600" cy="50184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053" tIns="0" rIns="215053" bIns="0" numCol="1" spcCol="1270" anchor="ctr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b="0" i="0" kern="1200"/>
            <a:t>Decision making process: Common sense or voting </a:t>
          </a:r>
          <a:endParaRPr lang="en-US" sz="1700" kern="1200"/>
        </a:p>
      </dsp:txBody>
      <dsp:txXfrm>
        <a:off x="430898" y="4321971"/>
        <a:ext cx="5640604" cy="452844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756DD7B-BA46-4F40-A89A-BB5F9ED98ED2}">
      <dsp:nvSpPr>
        <dsp:cNvPr id="0" name=""/>
        <dsp:cNvSpPr/>
      </dsp:nvSpPr>
      <dsp:spPr>
        <a:xfrm>
          <a:off x="810577" y="0"/>
          <a:ext cx="9186545" cy="6083300"/>
        </a:xfrm>
        <a:prstGeom prst="rightArrow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729B9E1-3950-4E32-AF9A-F38AFEEEBAC0}">
      <dsp:nvSpPr>
        <dsp:cNvPr id="0" name=""/>
        <dsp:cNvSpPr/>
      </dsp:nvSpPr>
      <dsp:spPr>
        <a:xfrm>
          <a:off x="923" y="1824990"/>
          <a:ext cx="1480253" cy="243332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Download the data set | Import libraries</a:t>
          </a:r>
          <a:endParaRPr lang="pt-BR" sz="1500" kern="1200" dirty="0"/>
        </a:p>
      </dsp:txBody>
      <dsp:txXfrm>
        <a:off x="73183" y="1897250"/>
        <a:ext cx="1335733" cy="2288800"/>
      </dsp:txXfrm>
    </dsp:sp>
    <dsp:sp modelId="{CFFAEF92-D4BF-430D-9288-ABDD22CC3432}">
      <dsp:nvSpPr>
        <dsp:cNvPr id="0" name=""/>
        <dsp:cNvSpPr/>
      </dsp:nvSpPr>
      <dsp:spPr>
        <a:xfrm>
          <a:off x="1555190" y="1824990"/>
          <a:ext cx="1480253" cy="243332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ETL | Cleaning the data (</a:t>
          </a:r>
          <a:r>
            <a:rPr lang="en-CA" sz="1500" kern="1200" dirty="0" err="1"/>
            <a:t>duolicates</a:t>
          </a:r>
          <a:r>
            <a:rPr lang="en-CA" sz="1500" kern="1200" dirty="0"/>
            <a:t>, null values, remove HTML tags, special </a:t>
          </a:r>
          <a:r>
            <a:rPr lang="en-CA" sz="1500" kern="1200" dirty="0" err="1"/>
            <a:t>caracters</a:t>
          </a:r>
          <a:r>
            <a:rPr lang="en-CA" sz="1500" kern="1200" dirty="0"/>
            <a:t>, convert everything to </a:t>
          </a:r>
          <a:r>
            <a:rPr lang="en-CA" sz="1500" kern="1200" dirty="0" err="1"/>
            <a:t>lowcase</a:t>
          </a:r>
          <a:r>
            <a:rPr lang="en-CA" sz="1500" kern="1200" dirty="0"/>
            <a:t>, </a:t>
          </a:r>
          <a:r>
            <a:rPr lang="en-CA" sz="1500" kern="1200" dirty="0" err="1"/>
            <a:t>etc</a:t>
          </a:r>
          <a:r>
            <a:rPr lang="en-CA" sz="1500" kern="1200" dirty="0"/>
            <a:t>)</a:t>
          </a:r>
          <a:endParaRPr lang="pt-BR" sz="1500" kern="1200" dirty="0"/>
        </a:p>
      </dsp:txBody>
      <dsp:txXfrm>
        <a:off x="1627450" y="1897250"/>
        <a:ext cx="1335733" cy="2288800"/>
      </dsp:txXfrm>
    </dsp:sp>
    <dsp:sp modelId="{1CB57422-7EAB-4BD2-B7D4-AD5109C4967D}">
      <dsp:nvSpPr>
        <dsp:cNvPr id="0" name=""/>
        <dsp:cNvSpPr/>
      </dsp:nvSpPr>
      <dsp:spPr>
        <a:xfrm>
          <a:off x="3109456" y="1824990"/>
          <a:ext cx="1480253" cy="2433320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ML Coding &amp; Create the model </a:t>
          </a:r>
          <a:endParaRPr lang="pt-BR" sz="1500" kern="1200" dirty="0"/>
        </a:p>
      </dsp:txBody>
      <dsp:txXfrm>
        <a:off x="3181716" y="1897250"/>
        <a:ext cx="1335733" cy="2288800"/>
      </dsp:txXfrm>
    </dsp:sp>
    <dsp:sp modelId="{E74F8F85-FC1D-43E2-93ED-D8DEAF1AD3F3}">
      <dsp:nvSpPr>
        <dsp:cNvPr id="0" name=""/>
        <dsp:cNvSpPr/>
      </dsp:nvSpPr>
      <dsp:spPr>
        <a:xfrm>
          <a:off x="4663723" y="1824990"/>
          <a:ext cx="1480253" cy="2433320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Output &amp; Train test split</a:t>
          </a:r>
          <a:endParaRPr lang="pt-BR" sz="1500" kern="1200" dirty="0"/>
        </a:p>
      </dsp:txBody>
      <dsp:txXfrm>
        <a:off x="4735983" y="1897250"/>
        <a:ext cx="1335733" cy="2288800"/>
      </dsp:txXfrm>
    </dsp:sp>
    <dsp:sp modelId="{4DF39A29-09F1-441E-835C-FB86A1343A29}">
      <dsp:nvSpPr>
        <dsp:cNvPr id="0" name=""/>
        <dsp:cNvSpPr/>
      </dsp:nvSpPr>
      <dsp:spPr>
        <a:xfrm>
          <a:off x="6217989" y="1824990"/>
          <a:ext cx="1480253" cy="2433320"/>
        </a:xfrm>
        <a:prstGeom prst="round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Defining the model and training</a:t>
          </a:r>
          <a:endParaRPr lang="pt-BR" sz="1500" kern="1200" dirty="0"/>
        </a:p>
      </dsp:txBody>
      <dsp:txXfrm>
        <a:off x="6290249" y="1897250"/>
        <a:ext cx="1335733" cy="2288800"/>
      </dsp:txXfrm>
    </dsp:sp>
    <dsp:sp modelId="{9F831D14-084A-48DF-BAA2-CF99C263CE15}">
      <dsp:nvSpPr>
        <dsp:cNvPr id="0" name=""/>
        <dsp:cNvSpPr/>
      </dsp:nvSpPr>
      <dsp:spPr>
        <a:xfrm>
          <a:off x="7772256" y="1824990"/>
          <a:ext cx="1480253" cy="243332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Prediction and accuracy metrics to choose the best model</a:t>
          </a:r>
          <a:endParaRPr lang="pt-BR" sz="1500" kern="1200" dirty="0"/>
        </a:p>
      </dsp:txBody>
      <dsp:txXfrm>
        <a:off x="7844516" y="1897250"/>
        <a:ext cx="1335733" cy="2288800"/>
      </dsp:txXfrm>
    </dsp:sp>
    <dsp:sp modelId="{0D53421C-9384-4DCD-AC12-69C96D64EFC3}">
      <dsp:nvSpPr>
        <dsp:cNvPr id="0" name=""/>
        <dsp:cNvSpPr/>
      </dsp:nvSpPr>
      <dsp:spPr>
        <a:xfrm>
          <a:off x="9326522" y="1824990"/>
          <a:ext cx="1480253" cy="243332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500" kern="1200" dirty="0"/>
            <a:t>Statistical Analysis &amp; Data Analysis findings</a:t>
          </a:r>
          <a:endParaRPr lang="pt-BR" sz="1500" kern="1200" dirty="0"/>
        </a:p>
      </dsp:txBody>
      <dsp:txXfrm>
        <a:off x="9398782" y="1897250"/>
        <a:ext cx="1335733" cy="22888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3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F819624F-DF8F-4BDC-9457-7EF8C5D1302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41213367"/>
              </p:ext>
            </p:extLst>
          </p:nvPr>
        </p:nvGraphicFramePr>
        <p:xfrm>
          <a:off x="2032000" y="719666"/>
          <a:ext cx="8128000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169B9DE9-A338-4F62-AD73-CE1E7E2900BC}"/>
              </a:ext>
            </a:extLst>
          </p:cNvPr>
          <p:cNvSpPr txBox="1"/>
          <p:nvPr/>
        </p:nvSpPr>
        <p:spPr>
          <a:xfrm>
            <a:off x="2699935" y="11780"/>
            <a:ext cx="618852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Group 3 commitments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0885792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OTLSHAPE_SL_19867ef1ce2b46c8888ac5094bd46420_BackgroundRectangle">
            <a:extLst>
              <a:ext uri="{FF2B5EF4-FFF2-40B4-BE49-F238E27FC236}">
                <a16:creationId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67209"/>
            <a:ext cx="11125200" cy="82549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38509"/>
            <a:ext cx="11125200" cy="9652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309809"/>
            <a:ext cx="11125200" cy="965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_3754e4ef8c3743a883ff89bf12bd931a_BackgroundRectangle">
            <a:extLst>
              <a:ext uri="{FF2B5EF4-FFF2-40B4-BE49-F238E27FC236}">
                <a16:creationId xmlns:a16="http://schemas.microsoft.com/office/drawing/2014/main" id="{6548E186-EC97-4B60-9333-0215D5F010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56199"/>
            <a:ext cx="11125200" cy="5715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891199"/>
            <a:ext cx="111252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1725609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367209"/>
            <a:ext cx="825500" cy="82549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338509"/>
            <a:ext cx="825500" cy="965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309809"/>
            <a:ext cx="825500" cy="965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_3754e4ef8c3743a883ff89bf12bd931a_HeaderRectangle">
            <a:extLst>
              <a:ext uri="{FF2B5EF4-FFF2-40B4-BE49-F238E27FC236}">
                <a16:creationId xmlns:a16="http://schemas.microsoft.com/office/drawing/2014/main" id="{CC83A74E-1878-4F71-A8BF-3BADB930FB5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256199"/>
            <a:ext cx="825500" cy="571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891199"/>
            <a:ext cx="825500" cy="330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51794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G_00000000000000000000000000000000_ShapeBelow1">
            <a:extLst>
              <a:ext uri="{FF2B5EF4-FFF2-40B4-BE49-F238E27FC236}">
                <a16:creationId xmlns:a16="http://schemas.microsoft.com/office/drawing/2014/main" id="{DF3FB866-2219-4B50-9DBE-2E7EE0BFAF8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05419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G_00000000000000000000000000000000_ShapeBelow2">
            <a:extLst>
              <a:ext uri="{FF2B5EF4-FFF2-40B4-BE49-F238E27FC236}">
                <a16:creationId xmlns:a16="http://schemas.microsoft.com/office/drawing/2014/main" id="{E6E3880A-235E-466E-96C8-F5145C60CE1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61831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SLM_be54ac11223a4538b0a95d4c713ab9e3_Shape">
            <a:extLst>
              <a:ext uri="{FF2B5EF4-FFF2-40B4-BE49-F238E27FC236}">
                <a16:creationId xmlns:a16="http://schemas.microsoft.com/office/drawing/2014/main" id="{17881DED-E340-4E8B-A42D-7D3D54CE0AB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79134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7582c54c60a447d8b8e71edfb98aaf40_Shape">
            <a:extLst>
              <a:ext uri="{FF2B5EF4-FFF2-40B4-BE49-F238E27FC236}">
                <a16:creationId xmlns:a16="http://schemas.microsoft.com/office/drawing/2014/main" id="{294AD265-8F4E-47E1-A21D-A25E453A4D3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76594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M_560837dc1abd4a0ca0d27af684182a06_Shape">
            <a:extLst>
              <a:ext uri="{FF2B5EF4-FFF2-40B4-BE49-F238E27FC236}">
                <a16:creationId xmlns:a16="http://schemas.microsoft.com/office/drawing/2014/main" id="{0F0DA89C-543B-45C8-9D7B-5C10D9EE90D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82969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cb319515330a4686adace750669455a1_Shape">
            <a:extLst>
              <a:ext uri="{FF2B5EF4-FFF2-40B4-BE49-F238E27FC236}">
                <a16:creationId xmlns:a16="http://schemas.microsoft.com/office/drawing/2014/main" id="{FA62BE4E-0A74-4024-963C-7EBCF543ADF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57567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aec98ba4df184c8881a011a86b46a3d7_Shape">
            <a:extLst>
              <a:ext uri="{FF2B5EF4-FFF2-40B4-BE49-F238E27FC236}">
                <a16:creationId xmlns:a16="http://schemas.microsoft.com/office/drawing/2014/main" id="{7EC5ECAB-2129-4D9F-B15A-75C6C3330D2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57567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01502ce42bc84294ae8c8e2a26374c3b_Shape">
            <a:extLst>
              <a:ext uri="{FF2B5EF4-FFF2-40B4-BE49-F238E27FC236}">
                <a16:creationId xmlns:a16="http://schemas.microsoft.com/office/drawing/2014/main" id="{B5C7B2E2-C609-483A-B9F9-7D5CC6AB7AD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891718" y="494716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M_c81b46d3284c4b8b8f210faa2910f49b_Shape">
            <a:extLst>
              <a:ext uri="{FF2B5EF4-FFF2-40B4-BE49-F238E27FC236}">
                <a16:creationId xmlns:a16="http://schemas.microsoft.com/office/drawing/2014/main" id="{CDCB3EB9-44A9-46E4-8E28-E00D67CD66E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86631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aa00dde741c24a21a2c7b6e756bf5e17_Shape">
            <a:extLst>
              <a:ext uri="{FF2B5EF4-FFF2-40B4-BE49-F238E27FC236}">
                <a16:creationId xmlns:a16="http://schemas.microsoft.com/office/drawing/2014/main" id="{9D28D433-9FA6-4B8F-B478-96A80CD9DC2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89171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M_c083dcb2c19c4c0a9646b566e1400809_Shape">
            <a:extLst>
              <a:ext uri="{FF2B5EF4-FFF2-40B4-BE49-F238E27FC236}">
                <a16:creationId xmlns:a16="http://schemas.microsoft.com/office/drawing/2014/main" id="{AE664857-67C1-4889-BD0B-9B02E24DCB6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0219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M_65669134d18a43e28959dc972ef27252_Shape">
            <a:extLst>
              <a:ext uri="{FF2B5EF4-FFF2-40B4-BE49-F238E27FC236}">
                <a16:creationId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76594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M_26615f3a416d4a0a83511ad17e513011_Shape">
            <a:extLst>
              <a:ext uri="{FF2B5EF4-FFF2-40B4-BE49-F238E27FC236}">
                <a16:creationId xmlns:a16="http://schemas.microsoft.com/office/drawing/2014/main" id="{0F6CD54C-F5CF-41A2-BC74-F794304809B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257567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M_561d3f347d1b454491ac4de9797a3f4d_Shape">
            <a:extLst>
              <a:ext uri="{FF2B5EF4-FFF2-40B4-BE49-F238E27FC236}">
                <a16:creationId xmlns:a16="http://schemas.microsoft.com/office/drawing/2014/main" id="{EE096942-F8D0-46CB-963E-2644C45FEC6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0219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M_d4b43abd458d46c99679b40a91fdc215_Shape">
            <a:extLst>
              <a:ext uri="{FF2B5EF4-FFF2-40B4-BE49-F238E27FC236}">
                <a16:creationId xmlns:a16="http://schemas.microsoft.com/office/drawing/2014/main" id="{D15C81BF-3B7C-499F-9F2E-FCB4EB20BD5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76594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M_7045f708c555433896c4f672bfa058ae_Shape">
            <a:extLst>
              <a:ext uri="{FF2B5EF4-FFF2-40B4-BE49-F238E27FC236}">
                <a16:creationId xmlns:a16="http://schemas.microsoft.com/office/drawing/2014/main" id="{7587A768-F129-40C0-BB24-67911518019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0219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M_c83c63dd5d304091821b0ecf3f8be2b9_Shape">
            <a:extLst>
              <a:ext uri="{FF2B5EF4-FFF2-40B4-BE49-F238E27FC236}">
                <a16:creationId xmlns:a16="http://schemas.microsoft.com/office/drawing/2014/main" id="{4DDAD743-855E-4FA0-ABAB-6CC9DB34A19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02196" y="2982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" name="OTLSHAPE_SLM_8fe1b08c0ca24a09b6a68ffff02e0e1d_Shape">
            <a:extLst>
              <a:ext uri="{FF2B5EF4-FFF2-40B4-BE49-F238E27FC236}">
                <a16:creationId xmlns:a16="http://schemas.microsoft.com/office/drawing/2014/main" id="{3435F299-7A24-4332-AF68-41AC30167AF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772296" y="55736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2fc3af8cbe2047d9b131940081e5f96e_Shape">
            <a:extLst>
              <a:ext uri="{FF2B5EF4-FFF2-40B4-BE49-F238E27FC236}">
                <a16:creationId xmlns:a16="http://schemas.microsoft.com/office/drawing/2014/main" id="{DB081C1F-0440-47FE-9383-1523923EE86A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27597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M_60c06a06fdce43a09193df70ab745e15_Shape">
            <a:extLst>
              <a:ext uri="{FF2B5EF4-FFF2-40B4-BE49-F238E27FC236}">
                <a16:creationId xmlns:a16="http://schemas.microsoft.com/office/drawing/2014/main" id="{D5757842-9EB9-4EA1-817F-E069F6CA6C8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89171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M_df6e23cb93e34336adfdc39b4d5053de_Shape">
            <a:extLst>
              <a:ext uri="{FF2B5EF4-FFF2-40B4-BE49-F238E27FC236}">
                <a16:creationId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79134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e523b563254d495eb0025210ee56692e_Shape">
            <a:extLst>
              <a:ext uri="{FF2B5EF4-FFF2-40B4-BE49-F238E27FC236}">
                <a16:creationId xmlns:a16="http://schemas.microsoft.com/office/drawing/2014/main" id="{00E86286-9914-4895-A9A5-8CD9E915947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76594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045beb95d040487eaf77b3311e5d20f0_Shape">
            <a:extLst>
              <a:ext uri="{FF2B5EF4-FFF2-40B4-BE49-F238E27FC236}">
                <a16:creationId xmlns:a16="http://schemas.microsoft.com/office/drawing/2014/main" id="{8B7C81FA-B91C-4CA0-B857-98307B1461B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30219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M_5920b03199474388bd7736cdc3f1663e_Shape">
            <a:extLst>
              <a:ext uri="{FF2B5EF4-FFF2-40B4-BE49-F238E27FC236}">
                <a16:creationId xmlns:a16="http://schemas.microsoft.com/office/drawing/2014/main" id="{0E5F3C0E-0BDD-4BA6-8733-ED8E84FED1D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86631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SLM_e238d5f028934d099a3f80230dd32c18_Shape">
            <a:extLst>
              <a:ext uri="{FF2B5EF4-FFF2-40B4-BE49-F238E27FC236}">
                <a16:creationId xmlns:a16="http://schemas.microsoft.com/office/drawing/2014/main" id="{B553BECE-F79F-4721-A55E-47A4A9A3675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37625" y="526677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SLM_87c93a319a65441d8ccec04336af2778_Shape">
            <a:extLst>
              <a:ext uri="{FF2B5EF4-FFF2-40B4-BE49-F238E27FC236}">
                <a16:creationId xmlns:a16="http://schemas.microsoft.com/office/drawing/2014/main" id="{A3BAFBAA-0A25-4E93-A96E-6431CC538E4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0854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SLM_aab742d94cfc42c79614461425cf975e_Shape">
            <a:extLst>
              <a:ext uri="{FF2B5EF4-FFF2-40B4-BE49-F238E27FC236}">
                <a16:creationId xmlns:a16="http://schemas.microsoft.com/office/drawing/2014/main" id="{299DD903-1E60-46C8-8705-D8CA8185554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87266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M_550a5bf5eba0429492a42cecbb55ea03_Shape">
            <a:extLst>
              <a:ext uri="{FF2B5EF4-FFF2-40B4-BE49-F238E27FC236}">
                <a16:creationId xmlns:a16="http://schemas.microsoft.com/office/drawing/2014/main" id="{10DB1496-FCB9-44AE-B3C9-3AD0AEAE317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302196" y="4011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7319137fdf7944279d79d0352cbf2c93_Shape">
            <a:extLst>
              <a:ext uri="{FF2B5EF4-FFF2-40B4-BE49-F238E27FC236}">
                <a16:creationId xmlns:a16="http://schemas.microsoft.com/office/drawing/2014/main" id="{2F5D84C7-FC55-4CAC-8138-FA2984FE8ED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86631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34b0a8948a844ec0971ad8eee72468c1_Shape">
            <a:extLst>
              <a:ext uri="{FF2B5EF4-FFF2-40B4-BE49-F238E27FC236}">
                <a16:creationId xmlns:a16="http://schemas.microsoft.com/office/drawing/2014/main" id="{2263BDC4-9E08-41BC-BB0F-7B95A4898A5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86631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_19867ef1ce2b46c8888ac5094bd46420_Header">
            <a:extLst>
              <a:ext uri="{FF2B5EF4-FFF2-40B4-BE49-F238E27FC236}">
                <a16:creationId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468692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Marchine</a:t>
            </a:r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 Learning</a:t>
            </a: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372808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 err="1">
                <a:solidFill>
                  <a:srgbClr val="1B1013"/>
                </a:solidFill>
                <a:latin typeface="Calibri" panose="020F0502020204030204" pitchFamily="34" charset="0"/>
              </a:rPr>
              <a:t>Github</a:t>
            </a:r>
            <a:endParaRPr lang="en-US" sz="1200" b="1" dirty="0">
              <a:solidFill>
                <a:srgbClr val="1B1013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269938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Presentation</a:t>
            </a:r>
          </a:p>
        </p:txBody>
      </p:sp>
      <p:sp>
        <p:nvSpPr>
          <p:cNvPr id="93" name="OTLSHAPE_SL_3754e4ef8c3743a883ff89bf12bd931a_Header">
            <a:extLst>
              <a:ext uri="{FF2B5EF4-FFF2-40B4-BE49-F238E27FC236}">
                <a16:creationId xmlns:a16="http://schemas.microsoft.com/office/drawing/2014/main" id="{34F7E391-DCC3-41C5-AF92-81DB681847C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544892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71E24"/>
                </a:solidFill>
                <a:latin typeface="Calibri" panose="020F0502020204030204" pitchFamily="34" charset="0"/>
              </a:rPr>
              <a:t>Database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596327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31E1C"/>
                </a:solidFill>
                <a:latin typeface="Calibri" panose="020F0502020204030204" pitchFamily="34" charset="0"/>
              </a:rPr>
              <a:t>Dashboard</a:t>
            </a:r>
          </a:p>
        </p:txBody>
      </p:sp>
      <p:sp>
        <p:nvSpPr>
          <p:cNvPr id="66" name="OTLSHAPE_TB_00000000000000000000000000000000_TodayMarkerShape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flipV="1">
            <a:off x="2126650" y="159860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B_00000000000000000000000000000000_TodayMarkerText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994056" y="145163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3065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1</a:t>
            </a: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58144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2</a:t>
            </a:r>
          </a:p>
        </p:txBody>
      </p:sp>
      <p:sp>
        <p:nvSpPr>
          <p:cNvPr id="109" name="OTLSHAPE_SLM_7582c54c60a447d8b8e71edfb98aaf40_Title">
            <a:extLst>
              <a:ext uri="{FF2B5EF4-FFF2-40B4-BE49-F238E27FC236}">
                <a16:creationId xmlns:a16="http://schemas.microsoft.com/office/drawing/2014/main" id="{FE6C27A3-F38E-48B8-9C44-4B577AA61B4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045346" y="34183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12" name="OTLSHAPE_SLM_560837dc1abd4a0ca0d27af684182a06_Title">
            <a:extLst>
              <a:ext uri="{FF2B5EF4-FFF2-40B4-BE49-F238E27FC236}">
                <a16:creationId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511565" y="4423765"/>
            <a:ext cx="173121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achine Learning Models</a:t>
            </a:r>
          </a:p>
        </p:txBody>
      </p:sp>
      <p:sp>
        <p:nvSpPr>
          <p:cNvPr id="115" name="OTLSHAPE_SLM_cb319515330a4686adace750669455a1_Title">
            <a:extLst>
              <a:ext uri="{FF2B5EF4-FFF2-40B4-BE49-F238E27FC236}">
                <a16:creationId xmlns:a16="http://schemas.microsoft.com/office/drawing/2014/main" id="{A70798FE-BA45-4392-AA1A-68240B21CB9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541206" y="3758114"/>
            <a:ext cx="133526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118" name="OTLSHAPE_SLM_aec98ba4df184c8881a011a86b46a3d7_Title">
            <a:extLst>
              <a:ext uri="{FF2B5EF4-FFF2-40B4-BE49-F238E27FC236}">
                <a16:creationId xmlns:a16="http://schemas.microsoft.com/office/drawing/2014/main" id="{F53976DB-5E3F-475E-991F-70C88895CAA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536966" y="3418970"/>
            <a:ext cx="147544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61" name="OTLSHAPE_SLM_01502ce42bc84294ae8c8e2a26374c3b_Title">
            <a:extLst>
              <a:ext uri="{FF2B5EF4-FFF2-40B4-BE49-F238E27FC236}">
                <a16:creationId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120314" y="4965625"/>
            <a:ext cx="128203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tatistical Analysis</a:t>
            </a:r>
          </a:p>
        </p:txBody>
      </p:sp>
      <p:sp>
        <p:nvSpPr>
          <p:cNvPr id="164" name="OTLSHAPE_SLM_c81b46d3284c4b8b8f210faa2910f49b_Title">
            <a:extLst>
              <a:ext uri="{FF2B5EF4-FFF2-40B4-BE49-F238E27FC236}">
                <a16:creationId xmlns:a16="http://schemas.microsoft.com/office/drawing/2014/main" id="{B5F13116-5924-47FE-BA85-312A99DC82B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145716" y="238965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Commerce Update</a:t>
            </a:r>
          </a:p>
        </p:txBody>
      </p:sp>
      <p:sp>
        <p:nvSpPr>
          <p:cNvPr id="167" name="OTLSHAPE_SLM_aa00dde741c24a21a2c7b6e756bf5e17_Title">
            <a:extLst>
              <a:ext uri="{FF2B5EF4-FFF2-40B4-BE49-F238E27FC236}">
                <a16:creationId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120315" y="4694695"/>
            <a:ext cx="1760206" cy="1558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esting, results and findings</a:t>
            </a:r>
          </a:p>
        </p:txBody>
      </p:sp>
      <p:sp>
        <p:nvSpPr>
          <p:cNvPr id="173" name="OTLSHAPE_SLM_65669134d18a43e28959dc972ef27252_Title">
            <a:extLst>
              <a:ext uri="{FF2B5EF4-FFF2-40B4-BE49-F238E27FC236}">
                <a16:creationId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045345" y="2390271"/>
            <a:ext cx="17354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Presenation</a:t>
            </a:r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Outlines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536967" y="238965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rafted Project</a:t>
            </a:r>
          </a:p>
        </p:txBody>
      </p:sp>
      <p:sp>
        <p:nvSpPr>
          <p:cNvPr id="179" name="OTLSHAPE_SLM_561d3f347d1b454491ac4de9797a3f4d_Title">
            <a:extLst>
              <a:ext uri="{FF2B5EF4-FFF2-40B4-BE49-F238E27FC236}">
                <a16:creationId xmlns:a16="http://schemas.microsoft.com/office/drawing/2014/main" id="{0EDAC04D-2AEE-4F33-B702-E8BE6CF6739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581596" y="2390271"/>
            <a:ext cx="16768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esentation tells a story</a:t>
            </a:r>
          </a:p>
        </p:txBody>
      </p:sp>
      <p:sp>
        <p:nvSpPr>
          <p:cNvPr id="182" name="OTLSHAPE_SLM_d4b43abd458d46c99679b40a91fdc215_Title">
            <a:extLst>
              <a:ext uri="{FF2B5EF4-FFF2-40B4-BE49-F238E27FC236}">
                <a16:creationId xmlns:a16="http://schemas.microsoft.com/office/drawing/2014/main" id="{7F6F90C6-F9A0-4750-AA81-BB05BE3747C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045346" y="2623133"/>
            <a:ext cx="1612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sentation drafted in Google Slides</a:t>
            </a:r>
          </a:p>
        </p:txBody>
      </p:sp>
      <p:sp>
        <p:nvSpPr>
          <p:cNvPr id="188" name="OTLSHAPE_SLM_c83c63dd5d304091821b0ecf3f8be2b9_Title">
            <a:extLst>
              <a:ext uri="{FF2B5EF4-FFF2-40B4-BE49-F238E27FC236}">
                <a16:creationId xmlns:a16="http://schemas.microsoft.com/office/drawing/2014/main" id="{C0E9CFF4-C176-4E37-BF83-B713614F717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581596" y="302465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Design Update</a:t>
            </a:r>
          </a:p>
        </p:txBody>
      </p:sp>
      <p:sp>
        <p:nvSpPr>
          <p:cNvPr id="191" name="OTLSHAPE_SLM_8fe1b08c0ca24a09b6a68ffff02e0e1d_Title">
            <a:extLst>
              <a:ext uri="{FF2B5EF4-FFF2-40B4-BE49-F238E27FC236}">
                <a16:creationId xmlns:a16="http://schemas.microsoft.com/office/drawing/2014/main" id="{641F0298-D838-4345-958D-ADFA2DF9442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038995" y="5597012"/>
            <a:ext cx="201519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f SQL, provide ERD relationship</a:t>
            </a:r>
          </a:p>
        </p:txBody>
      </p:sp>
      <p:sp>
        <p:nvSpPr>
          <p:cNvPr id="194" name="OTLSHAPE_SLM_2fc3af8cbe2047d9b131940081e5f96e_Title">
            <a:extLst>
              <a:ext uri="{FF2B5EF4-FFF2-40B4-BE49-F238E27FC236}">
                <a16:creationId xmlns:a16="http://schemas.microsoft.com/office/drawing/2014/main" id="{8A33C2F2-8B63-4BF7-A460-C7A496D5459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556194" y="442376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Working Code</a:t>
            </a:r>
          </a:p>
        </p:txBody>
      </p:sp>
      <p:sp>
        <p:nvSpPr>
          <p:cNvPr id="197" name="OTLSHAPE_SLM_60c06a06fdce43a09193df70ab745e15_Title">
            <a:extLst>
              <a:ext uri="{FF2B5EF4-FFF2-40B4-BE49-F238E27FC236}">
                <a16:creationId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120315" y="4423765"/>
            <a:ext cx="1282034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Final ML Code</a:t>
            </a:r>
          </a:p>
        </p:txBody>
      </p:sp>
      <p:sp>
        <p:nvSpPr>
          <p:cNvPr id="200" name="OTLSHAPE_SLM_df6e23cb93e34336adfdc39b4d5053de_Title">
            <a:extLst>
              <a:ext uri="{FF2B5EF4-FFF2-40B4-BE49-F238E27FC236}">
                <a16:creationId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019945" y="4694695"/>
            <a:ext cx="1983452" cy="2948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scription and Explanation of model choice</a:t>
            </a:r>
          </a:p>
        </p:txBody>
      </p:sp>
      <p:sp>
        <p:nvSpPr>
          <p:cNvPr id="203" name="OTLSHAPE_SLM_e523b563254d495eb0025210ee56692e_Title">
            <a:extLst>
              <a:ext uri="{FF2B5EF4-FFF2-40B4-BE49-F238E27FC236}">
                <a16:creationId xmlns:a16="http://schemas.microsoft.com/office/drawing/2014/main" id="{3801C606-748B-4AF5-9D84-51E587EFD2C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045346" y="3736470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215" name="OTLSHAPE_SLM_e238d5f028934d099a3f80230dd32c18_Title">
            <a:extLst>
              <a:ext uri="{FF2B5EF4-FFF2-40B4-BE49-F238E27FC236}">
                <a16:creationId xmlns:a16="http://schemas.microsoft.com/office/drawing/2014/main" id="{748D0E8A-82D4-4870-9899-E198AB3F55F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038996" y="5317612"/>
            <a:ext cx="20367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sent a fully integrated database</a:t>
            </a:r>
          </a:p>
        </p:txBody>
      </p:sp>
      <p:sp>
        <p:nvSpPr>
          <p:cNvPr id="218" name="OTLSHAPE_SLM_87c93a319a65441d8ccec04336af2778_Title">
            <a:extLst>
              <a:ext uri="{FF2B5EF4-FFF2-40B4-BE49-F238E27FC236}">
                <a16:creationId xmlns:a16="http://schemas.microsoft.com/office/drawing/2014/main" id="{133DBD66-00A3-4406-B0C7-F4D0BBAC3D4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575246" y="531699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n/a</a:t>
            </a:r>
          </a:p>
        </p:txBody>
      </p:sp>
      <p:sp>
        <p:nvSpPr>
          <p:cNvPr id="221" name="OTLSHAPE_SLM_aab742d94cfc42c79614461425cf975e_Title">
            <a:extLst>
              <a:ext uri="{FF2B5EF4-FFF2-40B4-BE49-F238E27FC236}">
                <a16:creationId xmlns:a16="http://schemas.microsoft.com/office/drawing/2014/main" id="{B59DC869-1D3A-4627-B55D-BF0A4F7BB7F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139365" y="5316990"/>
            <a:ext cx="2043057" cy="4175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Present a final project with a fully integrated database</a:t>
            </a:r>
          </a:p>
        </p:txBody>
      </p:sp>
      <p:sp>
        <p:nvSpPr>
          <p:cNvPr id="224" name="OTLSHAPE_SLM_266cb7b954a6414eb7b7ea9f740319f6_Title">
            <a:extLst>
              <a:ext uri="{FF2B5EF4-FFF2-40B4-BE49-F238E27FC236}">
                <a16:creationId xmlns:a16="http://schemas.microsoft.com/office/drawing/2014/main" id="{DF0EDC4D-BB35-455F-8D69-751C37A1590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632394" y="5971660"/>
            <a:ext cx="195805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Dashboard presents a data story</a:t>
            </a:r>
          </a:p>
        </p:txBody>
      </p:sp>
      <p:sp>
        <p:nvSpPr>
          <p:cNvPr id="227" name="OTLSHAPE_SLM_6e37b4e8e3c149d585cc7170bfe1145c_Title">
            <a:extLst>
              <a:ext uri="{FF2B5EF4-FFF2-40B4-BE49-F238E27FC236}">
                <a16:creationId xmlns:a16="http://schemas.microsoft.com/office/drawing/2014/main" id="{DB76CAC7-AA4F-467F-8A79-CA23BE04459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045345" y="5971661"/>
            <a:ext cx="18312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A blueprint of the dashboard</a:t>
            </a:r>
          </a:p>
        </p:txBody>
      </p:sp>
      <p:sp>
        <p:nvSpPr>
          <p:cNvPr id="230" name="OTLSHAPE_SLM_18b4805670c54bafba548f70c19a4604_Title">
            <a:extLst>
              <a:ext uri="{FF2B5EF4-FFF2-40B4-BE49-F238E27FC236}">
                <a16:creationId xmlns:a16="http://schemas.microsoft.com/office/drawing/2014/main" id="{2D439119-BF5E-467D-8DA6-0AD961F06D4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145715" y="5887023"/>
            <a:ext cx="209180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Final Dashboard &amp; Screen capture and video </a:t>
            </a: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11769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3</a:t>
            </a:r>
          </a:p>
        </p:txBody>
      </p:sp>
      <p:sp>
        <p:nvSpPr>
          <p:cNvPr id="327" name="OTLSHAPE_TB_00000000000000000000000000000000_TimescaleInterval4">
            <a:extLst>
              <a:ext uri="{FF2B5EF4-FFF2-40B4-BE49-F238E27FC236}">
                <a16:creationId xmlns:a16="http://schemas.microsoft.com/office/drawing/2014/main" id="{A3B3A184-D9F1-4F8E-B36E-E797E09AB6B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68181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Segment 4</a:t>
            </a: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351794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605419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Separator3">
            <a:extLst>
              <a:ext uri="{FF2B5EF4-FFF2-40B4-BE49-F238E27FC236}">
                <a16:creationId xmlns:a16="http://schemas.microsoft.com/office/drawing/2014/main" id="{7583DD2D-FA16-47B6-97EB-9F00165CDF6E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861831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3207935" y="493709"/>
            <a:ext cx="654566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Project Roadmap – Group 3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8" name="OTLSHAPE_SLM_d4b43abd458d46c99679b40a91fdc215_Title">
            <a:extLst>
              <a:ext uri="{FF2B5EF4-FFF2-40B4-BE49-F238E27FC236}">
                <a16:creationId xmlns:a16="http://schemas.microsoft.com/office/drawing/2014/main" id="{A655090A-4969-4BBC-BDEA-9166EEDE6B0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602764" y="2640783"/>
            <a:ext cx="1612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sentation drafted in Google Slides</a:t>
            </a:r>
          </a:p>
        </p:txBody>
      </p:sp>
      <p:sp>
        <p:nvSpPr>
          <p:cNvPr id="99" name="OTLSHAPE_SLM_c83c63dd5d304091821b0ecf3f8be2b9_Shape">
            <a:extLst>
              <a:ext uri="{FF2B5EF4-FFF2-40B4-BE49-F238E27FC236}">
                <a16:creationId xmlns:a16="http://schemas.microsoft.com/office/drawing/2014/main" id="{C07E3C86-94C8-497E-921B-145F23AF7D5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8880782" y="2975965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M_d4b43abd458d46c99679b40a91fdc215_Title">
            <a:extLst>
              <a:ext uri="{FF2B5EF4-FFF2-40B4-BE49-F238E27FC236}">
                <a16:creationId xmlns:a16="http://schemas.microsoft.com/office/drawing/2014/main" id="{DC9404E3-086B-4002-B094-39BCA99F11C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136019" y="2632008"/>
            <a:ext cx="1612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sentation drafted in Google Slides</a:t>
            </a:r>
          </a:p>
        </p:txBody>
      </p:sp>
      <p:sp>
        <p:nvSpPr>
          <p:cNvPr id="101" name="OTLSHAPE_SLM_d4b43abd458d46c99679b40a91fdc215_Title">
            <a:extLst>
              <a:ext uri="{FF2B5EF4-FFF2-40B4-BE49-F238E27FC236}">
                <a16:creationId xmlns:a16="http://schemas.microsoft.com/office/drawing/2014/main" id="{882D3487-9169-4F07-BBE0-5152D50F6E6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182740" y="3044673"/>
            <a:ext cx="1612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Live Presentation</a:t>
            </a:r>
          </a:p>
        </p:txBody>
      </p:sp>
      <p:sp>
        <p:nvSpPr>
          <p:cNvPr id="102" name="OTLSHAPE_SLM_e523b563254d495eb0025210ee56692e_Shape">
            <a:extLst>
              <a:ext uri="{FF2B5EF4-FFF2-40B4-BE49-F238E27FC236}">
                <a16:creationId xmlns:a16="http://schemas.microsoft.com/office/drawing/2014/main" id="{5CF3C224-563E-4ADC-882B-D546AC844035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3774148" y="3998151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M_e523b563254d495eb0025210ee56692e_Title">
            <a:extLst>
              <a:ext uri="{FF2B5EF4-FFF2-40B4-BE49-F238E27FC236}">
                <a16:creationId xmlns:a16="http://schemas.microsoft.com/office/drawing/2014/main" id="{D6FEE4E9-5DA0-4192-B6F5-A6A2D858CB3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056173" y="4024351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adme.md</a:t>
            </a:r>
          </a:p>
        </p:txBody>
      </p:sp>
      <p:sp>
        <p:nvSpPr>
          <p:cNvPr id="105" name="OTLSHAPE_SLM_7582c54c60a447d8b8e71edfb98aaf40_Title">
            <a:extLst>
              <a:ext uri="{FF2B5EF4-FFF2-40B4-BE49-F238E27FC236}">
                <a16:creationId xmlns:a16="http://schemas.microsoft.com/office/drawing/2014/main" id="{7CBAB7CC-D1CF-4F88-A164-D0FE6CB960B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638392" y="3412486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07" name="OTLSHAPE_SLM_34b0a8948a844ec0971ad8eee72468c1_Shape">
            <a:extLst>
              <a:ext uri="{FF2B5EF4-FFF2-40B4-BE49-F238E27FC236}">
                <a16:creationId xmlns:a16="http://schemas.microsoft.com/office/drawing/2014/main" id="{E7054E22-45BB-441D-B809-32D7AEBB4F7E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8859966" y="3990828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M_e523b563254d495eb0025210ee56692e_Title">
            <a:extLst>
              <a:ext uri="{FF2B5EF4-FFF2-40B4-BE49-F238E27FC236}">
                <a16:creationId xmlns:a16="http://schemas.microsoft.com/office/drawing/2014/main" id="{B29725C3-AF79-4198-A6DE-CC54E4F8C08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609465" y="3728081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110" name="OTLSHAPE_SLM_e523b563254d495eb0025210ee56692e_Title">
            <a:extLst>
              <a:ext uri="{FF2B5EF4-FFF2-40B4-BE49-F238E27FC236}">
                <a16:creationId xmlns:a16="http://schemas.microsoft.com/office/drawing/2014/main" id="{BA7C11C1-509A-4EED-9482-023997BDB34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620292" y="4042434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adme.md</a:t>
            </a:r>
          </a:p>
        </p:txBody>
      </p:sp>
      <p:sp>
        <p:nvSpPr>
          <p:cNvPr id="111" name="OTLSHAPE_SLM_e523b563254d495eb0025210ee56692e_Title">
            <a:extLst>
              <a:ext uri="{FF2B5EF4-FFF2-40B4-BE49-F238E27FC236}">
                <a16:creationId xmlns:a16="http://schemas.microsoft.com/office/drawing/2014/main" id="{4991DBF6-E046-480D-9B2E-A974248A4B1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194400" y="4009873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adme.md</a:t>
            </a:r>
          </a:p>
        </p:txBody>
      </p:sp>
      <p:sp>
        <p:nvSpPr>
          <p:cNvPr id="113" name="OTLSHAPE_SLM_e523b563254d495eb0025210ee56692e_Title">
            <a:extLst>
              <a:ext uri="{FF2B5EF4-FFF2-40B4-BE49-F238E27FC236}">
                <a16:creationId xmlns:a16="http://schemas.microsoft.com/office/drawing/2014/main" id="{C2381D41-6C5F-4C96-AC4A-437BA3794CE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177177" y="3728081"/>
            <a:ext cx="13631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dividual Branches</a:t>
            </a:r>
          </a:p>
        </p:txBody>
      </p:sp>
      <p:sp>
        <p:nvSpPr>
          <p:cNvPr id="116" name="OTLSHAPE_SLM_7582c54c60a447d8b8e71edfb98aaf40_Title">
            <a:extLst>
              <a:ext uri="{FF2B5EF4-FFF2-40B4-BE49-F238E27FC236}">
                <a16:creationId xmlns:a16="http://schemas.microsoft.com/office/drawing/2014/main" id="{E1B165DC-A356-4528-8049-923774F8370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183815" y="3432382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ain Branch</a:t>
            </a:r>
          </a:p>
        </p:txBody>
      </p:sp>
      <p:sp>
        <p:nvSpPr>
          <p:cNvPr id="117" name="OTLSHAPE_SLM_560837dc1abd4a0ca0d27af684182a06_Title">
            <a:extLst>
              <a:ext uri="{FF2B5EF4-FFF2-40B4-BE49-F238E27FC236}">
                <a16:creationId xmlns:a16="http://schemas.microsoft.com/office/drawing/2014/main" id="{430E98DA-2338-4DEE-998A-3273EC9DC66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056173" y="4423765"/>
            <a:ext cx="173121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ubmit code for their ML</a:t>
            </a:r>
          </a:p>
        </p:txBody>
      </p:sp>
      <p:sp>
        <p:nvSpPr>
          <p:cNvPr id="119" name="OTLSHAPE_SLM_df6e23cb93e34336adfdc39b4d5053de_Title">
            <a:extLst>
              <a:ext uri="{FF2B5EF4-FFF2-40B4-BE49-F238E27FC236}">
                <a16:creationId xmlns:a16="http://schemas.microsoft.com/office/drawing/2014/main" id="{65AE0622-1ADD-49D8-AF23-4A72AF375BD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575246" y="4650840"/>
            <a:ext cx="1983452" cy="2948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L Code Description and Explanation</a:t>
            </a:r>
          </a:p>
        </p:txBody>
      </p:sp>
      <p:sp>
        <p:nvSpPr>
          <p:cNvPr id="120" name="OTLSHAPE_SLM_2fc3af8cbe2047d9b131940081e5f96e_Shape">
            <a:extLst>
              <a:ext uri="{FF2B5EF4-FFF2-40B4-BE49-F238E27FC236}">
                <a16:creationId xmlns:a16="http://schemas.microsoft.com/office/drawing/2014/main" id="{C5419B84-70BB-47D0-B0F9-139C8F02C196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6319265" y="4667774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M_2fc3af8cbe2047d9b131940081e5f96e_Shape">
            <a:extLst>
              <a:ext uri="{FF2B5EF4-FFF2-40B4-BE49-F238E27FC236}">
                <a16:creationId xmlns:a16="http://schemas.microsoft.com/office/drawing/2014/main" id="{81544BC3-6265-49CD-912A-81489835FED5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6319265" y="4964104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M_2fc3af8cbe2047d9b131940081e5f96e_Title">
            <a:extLst>
              <a:ext uri="{FF2B5EF4-FFF2-40B4-BE49-F238E27FC236}">
                <a16:creationId xmlns:a16="http://schemas.microsoft.com/office/drawing/2014/main" id="{482373CF-C6F4-4B3A-BB38-0CD716BC7DF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581698" y="4970783"/>
            <a:ext cx="1957948" cy="1653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ssues the team is solving</a:t>
            </a:r>
          </a:p>
        </p:txBody>
      </p:sp>
      <p:sp>
        <p:nvSpPr>
          <p:cNvPr id="124" name="OTLSHAPE_SLM_e238d5f028934d099a3f80230dd32c18_Title">
            <a:extLst>
              <a:ext uri="{FF2B5EF4-FFF2-40B4-BE49-F238E27FC236}">
                <a16:creationId xmlns:a16="http://schemas.microsoft.com/office/drawing/2014/main" id="{96735BF4-08B6-4170-9075-ABD973AAFDA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570545" y="5309273"/>
            <a:ext cx="185470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sent a provisional database</a:t>
            </a:r>
          </a:p>
        </p:txBody>
      </p:sp>
      <p:sp>
        <p:nvSpPr>
          <p:cNvPr id="125" name="OTLSHAPE_SLM_8fe1b08c0ca24a09b6a68ffff02e0e1d_Shape">
            <a:extLst>
              <a:ext uri="{FF2B5EF4-FFF2-40B4-BE49-F238E27FC236}">
                <a16:creationId xmlns:a16="http://schemas.microsoft.com/office/drawing/2014/main" id="{EB97C3BD-C2A8-4F6A-BBC5-64B8569F98E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3754993" y="5263845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A0FE63BC-8A93-49C0-A789-2CF3BA77EB6F}"/>
              </a:ext>
            </a:extLst>
          </p:cNvPr>
          <p:cNvSpPr/>
          <p:nvPr/>
        </p:nvSpPr>
        <p:spPr>
          <a:xfrm>
            <a:off x="1206773" y="5963272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6" name="Rectangle: Rounded Corners 125">
            <a:extLst>
              <a:ext uri="{FF2B5EF4-FFF2-40B4-BE49-F238E27FC236}">
                <a16:creationId xmlns:a16="http://schemas.microsoft.com/office/drawing/2014/main" id="{8356DCB0-5BE8-4D27-B0BE-2E0FD6B98B7F}"/>
              </a:ext>
            </a:extLst>
          </p:cNvPr>
          <p:cNvSpPr/>
          <p:nvPr/>
        </p:nvSpPr>
        <p:spPr>
          <a:xfrm>
            <a:off x="3742528" y="5954004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7" name="Rectangle: Rounded Corners 126">
            <a:extLst>
              <a:ext uri="{FF2B5EF4-FFF2-40B4-BE49-F238E27FC236}">
                <a16:creationId xmlns:a16="http://schemas.microsoft.com/office/drawing/2014/main" id="{CEF79A14-74D7-4B30-B456-33F46E83BD60}"/>
              </a:ext>
            </a:extLst>
          </p:cNvPr>
          <p:cNvSpPr/>
          <p:nvPr/>
        </p:nvSpPr>
        <p:spPr>
          <a:xfrm>
            <a:off x="6308546" y="5971040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8" name="Rectangle: Rounded Corners 127">
            <a:extLst>
              <a:ext uri="{FF2B5EF4-FFF2-40B4-BE49-F238E27FC236}">
                <a16:creationId xmlns:a16="http://schemas.microsoft.com/office/drawing/2014/main" id="{3C370805-653C-45BC-B102-87DA0D89E66F}"/>
              </a:ext>
            </a:extLst>
          </p:cNvPr>
          <p:cNvSpPr/>
          <p:nvPr/>
        </p:nvSpPr>
        <p:spPr>
          <a:xfrm>
            <a:off x="8853618" y="5971040"/>
            <a:ext cx="253996" cy="186055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dirty="0"/>
          </a:p>
        </p:txBody>
      </p:sp>
      <p:sp>
        <p:nvSpPr>
          <p:cNvPr id="129" name="OTLSHAPE_SLM_6e37b4e8e3c149d585cc7170bfe1145c_Title">
            <a:extLst>
              <a:ext uri="{FF2B5EF4-FFF2-40B4-BE49-F238E27FC236}">
                <a16:creationId xmlns:a16="http://schemas.microsoft.com/office/drawing/2014/main" id="{0F409334-81F7-436A-87B7-E8553D87A82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555906" y="5972585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n/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D07A3D97-A35B-4BC3-84A5-28CC2BD08F6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420166335"/>
              </p:ext>
            </p:extLst>
          </p:nvPr>
        </p:nvGraphicFramePr>
        <p:xfrm>
          <a:off x="622300" y="546100"/>
          <a:ext cx="10807700" cy="60833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3B15017B-06DA-430E-8753-EB34B109B86E}"/>
              </a:ext>
            </a:extLst>
          </p:cNvPr>
          <p:cNvSpPr txBox="1"/>
          <p:nvPr/>
        </p:nvSpPr>
        <p:spPr>
          <a:xfrm>
            <a:off x="2776135" y="546100"/>
            <a:ext cx="725686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Overview &amp; Draft – ML Coding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964353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My4yMC4wNC4wMCIsIkVkaXRpb24iOiJQcm8iLCJJc1BsdXNFZGl0aW9uIjp0cnVlLCJJc1Byb0VkaXRpb24iOnRydWV9LCJFZmZlY3QiOjA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OC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xLCJRdWlja1Bvc2l0aW9uIjozLCJBYnNvbHV0ZVBvc2l0aW9uIjoxMzUuODc0NzI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OTEsIkciOjE1NSwiQiI6MjEz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4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I1NSwiUiI6MjA4LCJHIjoyMDYsIkIiOjIwNn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TciLCJMaW5lQ29sb3IiOm51bGwsIkxpbmVXZWlnaHQiOjAuMCwiTGluZVR5cGUiOjAsIlBhcmVudFN0eWxlIjpudWxsfSwiUGFyZW50U3R5bGUiOm51bGx9LCJEdXJhdGlvblN0eWxlIjp7IiRpZCI6IjE5OCIsIkZvbnRTZXR0aW5ncyI6eyIkaWQiOiIxOT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HJlZiI6Ijk4In0sIkxpbmVXZWlnaHQiOjEuMCwiTGluZVR5cGUiOjAsIlBhcmVudFN0eWxlIjpudWxsfSwiVmVydGljYWxDb25uZWN0b3JTdHlsZSI6eyIkaWQiOiIyMDIiLCJMaW5lQ29sb3IiOnsiJHJlZiI6IjEwMSJ9LCJMaW5lV2VpZ2h0Ijox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jAzIiwiTWFyZ2luIjp7IiRyZWYiOiIxMDQifSwiUGFkZGluZyI6eyIkcmVmIjoiMTA1In0sIkJhY2tncm91bmQiOnsiJGlkIjoiMjA0IiwiQ29sb3IiOnsiJGlkIjoiMjA1IiwiQSI6MjU1LCJSIjoxNjUsIkciOjE2NSwiQiI6MTY1fX0sIklzVmlzaWJsZSI6dHJ1ZSwiV2lkdGgiOjAuMCwiSGVpZ2h0IjoxNi4wLCJCb3JkZXJTdHlsZSI6eyIkaWQiOiIyMDYiLCJMaW5lQ29sb3IiOnsiJHJlZiI6IjEwOSJ9LCJMaW5lV2VpZ2h0IjowLjAsIkxpbmVUeXBlIjowLCJQYXJlbnRTdHlsZSI6bnVsbH0sIlBhcmVudFN0eWxlIjpudWxsfSwiVGl0bGVTdHlsZSI6eyIkaWQiOiIyMDciLCJGb250U2V0dGluZ3MiOnsiJGlkIjoiMjA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IwIiwiVG9wIjowLCJMZWZ0IjowLCJSaWdodCI6MCwiQm90dG9tIjowfSwiUGFkZGluZyI6eyIkaWQiOiIyMjEiLCJUb3AiOjAsIkxlZnQiOjAsIlJpZ2h0IjowLCJCb3R0b20iOjB9LCJCYWNrZ3JvdW5kIjp7IiRyZWYiOiI3MyJ9LCJJc1Zpc2libGUiOnRydWUsIldpZHRoIjowLjAsIkhlaWdodCI6MC4wLCJCb3JkZXJTdHlsZSI6bnVsbCwiUGFyZW50U3R5bGUiOm51bGx9LCJEYXRlU3R5bGUiOnsiJGlkIjoiMjIyIiwiRm9udFNldHRpbmdzIjp7IiRpZCI6IjIy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QyIiwiTWFyZ2luIjp7IiRyZWYiOiIyMjcifSwiUGFkZGluZyI6eyIkcmVmIjoiMjI4In0sIkJhY2tncm91bmQiOnsiJGlkIjoiMjQzIiwiQ29sb3IiOnsiJGlkIjoiMjQ0IiwiQSI6MjU1LCJSIjoyNTUsIkciOjE5MiwiQiI6MH19LCJJc1Zpc2libGUiOnRydWUsIldpZHRoIjoxMy4wLCJIZWlnaHQiOjEzLjAsIkJvcmRlclN0eWxlIjp7IiRpZCI6IjI0NSIsIkxpbmVDb2xvciI6bnVsbCwiTGluZVdlaWdodCI6MC4wLCJMaW5lVHlwZSI6MCwiUGFyZW50U3R5bGUiOm51bGx9LCJQYXJlbnRTdHlsZSI6bnVsbH0sIkRhdGVGb3JtYXQiOnsiJGlkIjoiMj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Q3IiwiQWRkcmVzcyI6IiIsIlN1YkFkZHJlc3MiOiIifSwiSW1wb3J0SWQiOm51bGx9LHsiJGlkIjoiMjQ4IiwiSWQiOiI1NjFkM2YzNC03ZDFiLTQ1NDQtOTFhYy00ZGU5Nzk3YTNmNGQiLCJJbmRleCI6NCwiR3JvdXBJZCI6Ijc0ZDNmYmQyLWY0NjQtNDFlMS04MjliLWM1NzI0Yjg0YmQ0MSIsIlRpdGxlIjoiRUNvbW1lcmNlIERldiIsIkRhdGVUaW1lIjoiMjAxOS0wNy0xM1QyMzo1OTowMFoiLCJQZXJjZW50YWdlQ29tcGxldGUiOm51bGwsIk5vdGUiOm51bGwsIlN0eWxlIjp7IiRpZCI6IjI0OSI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GlkIjoiMjU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I1NiIsIk1hcmdpbiI6eyIkcmVmIjoiMjI3In0sIlBhZGRpbmciOnsiJHJlZiI6IjIyOCJ9LCJCYWNrZ3JvdW5kIjp7IiRpZCI6IjI1NyIsIkNvbG9yIjp7IiRpZCI6IjI1OCIsIkEiOjI1NSwiUiI6MjU1LCJHIjoxOTIsIkIiOjB9fSwiSXNWaXNpYmxlIjp0cnVlLCJXaWR0aCI6MTMuMCwiSGVpZ2h0IjoxMy4wLCJCb3JkZXJTdHlsZSI6eyIkaWQiOiIyNTkiLCJMaW5lQ29sb3IiOm51bGwsIkxpbmVXZWlnaHQiOjAuMCwiTGluZVR5cGUiOjAsIlBhcmVudFN0eWxlIjpudWxsfSwiUGFyZW50U3R5bGUiOm51bGx9LCJEYXRlRm9ybWF0Ijp7IiRpZCI6IjI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QsIlNoYXBlU2l6ZSI6MSwiU2hhcGVTdHlsZSI6eyIkaWQiOiIyNzAiLCJNYXJnaW4iOnsiJHJlZiI6IjIyNyJ9LCJQYWRkaW5nIjp7IiRyZWYiOiIyMjgifSwiQmFja2dyb3VuZCI6eyIkaWQiOiIyNzEiLCJDb2xvciI6eyIkaWQiOiIyNzIiLCJBIjoyNTUsIlIiOjI1NSwiRyI6MTkyLCJCIjowfX0sIklzVmlzaWJsZSI6dHJ1ZSwiV2lkdGgiOjEzLjAsIkhlaWdodCI6MTMuMCwiQm9yZGVyU3R5bGUiOnsiJGlkIjoiMjczIiwiTGluZUNvbG9yIjpudWxsLCJMaW5lV2VpZ2h0IjowLjAsIkxpbmVUeXBlIjowLCJQYXJlbnRTdHlsZSI6bnVsbH0sIlBhcmVudFN0eWxlIjpudWxsfSwiRGF0ZUZvcm1hdCI6eyIkaWQiOiIy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g0IiwiTWFyZ2luIjp7IiRyZWYiOiIyMjcifSwiUGFkZGluZyI6eyIkcmVmIjoiMjI4In0sIkJhY2tncm91bmQiOnsiJGlkIjoiMjg1IiwiQ29sb3IiOnsiJGlkIjoiMjg2IiwiQSI6MjU1LCJSIjoyNTUsIkciOjE5MiwiQiI6MH19LCJJc1Zpc2libGUiOnRydWUsIldpZHRoIjoxMy4wLCJIZWlnaHQiOjEzLjAsIkJvcmRlclN0eWxlIjp7IiRpZCI6IjI4NyIsIkxpbmVDb2xvciI6bnVsbCwiTGluZVdlaWdodCI6MC4wLCJMaW5lVHlwZSI6MCwiUGFyZW50U3R5bGUiOm51bGx9LCJQYXJlbnRTdHlsZSI6bnVsbH0sIkRhdGVGb3JtYXQiOnsiJGlkIjoi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k4IiwiTWFyZ2luIjp7IiRyZWYiOiIyMjcifSwiUGFkZGluZyI6eyIkcmVmIjoiMjI4In0sIkJhY2tncm91bmQiOnsiJGlkIjoiMjk5IiwiQ29sb3IiOnsiJGlkIjoiMzAwIiwiQSI6MjU1LCJSIjoyNTUsIkciOjE5MiwiQiI6MH19LCJJc1Zpc2libGUiOnRydWUsIldpZHRoIjoxMy4wLCJIZWlnaHQiOjEzLjAsIkJvcmRlclN0eWxlIjp7IiRpZCI6IjMwMSIsIkxpbmVDb2xvciI6bnVsbCwiTGluZVdlaWdodCI6MC4wLCJMaW5lVHlwZSI6MCwiUGFyZW50U3R5bGUiOm51bGx9LCJQYXJlbnRTdHlsZSI6bnVsbH0sIkRhdGVGb3JtYXQiOnsiJGlkIjoi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xMiIsIk1hcmdpbiI6eyIkcmVmIjoiMjI3In0sIlBhZGRpbmciOnsiJHJlZiI6IjIyOCJ9LCJCYWNrZ3JvdW5kIjp7IiRpZCI6IjMxMyIsIkNvbG9yIjp7IiRpZCI6IjMxNCIsIkEiOjI1NSwiUiI6MjU1LCJHIjoxOTIsIkIiOjB9fSwiSXNWaXNpYmxlIjp0cnVlLCJXaWR0aCI6MTMuMCwiSGVpZ2h0IjoxMy4wLCJCb3JkZXJTdHlsZSI6eyIkaWQiOiIzMTUiLCJMaW5lQ29sb3IiOm51bGwsIkxpbmVXZWlnaHQiOjAuMCwiTGluZVR5cGUiOjAsIlBhcmVudFN0eWxlIjpudWxsfSwiUGFyZW50U3R5bGUiOm51bGx9LCJEYXRlRm9ybWF0Ijp7IiRpZCI6IjM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jQiLCJGb250U2V0dGluZ3MiOnsiJGlkIjoiMzI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yNiIsIk1hcmdpbiI6eyIkcmVmIjoiMjI3In0sIlBhZGRpbmciOnsiJHJlZiI6IjIyOCJ9LCJCYWNrZ3JvdW5kIjp7IiRpZCI6IjMyNyIsIkNvbG9yIjp7IiRpZCI6IjMyOCIsIkEiOjI1NSwiUiI6MjU1LCJHIjoxOTIsIkIiOjB9fSwiSXNWaXNpYmxlIjp0cnVlLCJXaWR0aCI6MTMuMCwiSGVpZ2h0IjoxMy4wLCJCb3JkZXJTdHlsZSI6eyIkaWQiOiIzMjkiLCJMaW5lQ29sb3IiOm51bGwsIkxpbmVXZWlnaHQiOjAuMCwiTGluZVR5cGUiOjAsIlBhcmVudFN0eWxlIjpudWxsfSwiUGFyZW50U3R5bGUiOm51bGx9LCJEYXRlRm9ybWF0Ijp7IiRpZCI6IjM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pZCI6IjM1OSIsIkNvbG9yIjp7IiRpZCI6IjM2MCIsIkEiOjAsIlIiOjAsIkciOjAsIkIiOjB9fSwiSXNWaXNpYmxlIjp0cnVlLCJXaWR0aCI6MC4wLCJIZWlnaHQiOjAuMCwiQm9yZGVyU3R5bGUiOm51bGw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MCIsIlRvcCI6MCwiTGVmdCI6MCwiUmlnaHQiOjAsIkJvdHRvbSI6MH0sIlBhZGRpbmciOnsiJGlkIjoiMzgxIiwiVG9wIjowLCJMZWZ0IjowLCJSaWdodCI6MCwiQm90dG9tIjowfSwiQmFja2dyb3VuZCI6eyIkcmVmIjoiMzU5In0sIklzVmlzaWJsZSI6dHJ1ZSwiV2lkdGgiOjAuMCwiSGVpZ2h0IjowLjAsIkJvcmRlclN0eWxlIjpudWxsLCJQYXJlbnRTdHlsZSI6bnVsbH0sIkRhdGVTdHlsZSI6eyIkaWQiOiIzODIiLCJGb250U2V0dGluZ3MiOnsiJGlkIjoiMzg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M4NCIsIlRvcCI6MCwiTGVmdCI6MCwiUmlnaHQiOjAsIkJvdHRvbSI6MH0sIlBhZGRpbmciOnsiJGlkIjoiMzg1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DIiLCJNYXJnaW4iOnsiJHJlZiI6IjIyNyJ9LCJQYWRkaW5nIjp7IiRyZWYiOiIyMjgifSwiQmFja2dyb3VuZCI6eyIkaWQiOiI0MDMiLCJDb2xvciI6eyIkaWQiOiI0MDQiLCJBIjoyNTUsIlIiOjExMiwiRyI6MTczLCJCIjo3MX19LCJJc1Zpc2libGUiOnRydWUsIldpZHRoIjoxMy4wLCJIZWlnaHQiOjEz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A3IiwiQWRkcmVzcyI6IiIsIlN1YkFkZHJlc3MiOiIifSwiSW1wb3J0SWQiOm51bGx9LHsiJGlkIjoiNDA4IiwiSWQiOiI3MzE5MTM3Zi1kZjc5LTQ0MjctOWQ3OS1kMDM1MmNiZjJjOTMiLCJJbmRleCI6MywiR3JvdXBJZCI6IjU2ZjVlMDA3LWE3ZmItNDBiNC1iYzU2LTNjNGM4ODI4NTJkZCIsIlRpdGxlIjoiU0VPIFJldmlldyIsIkRhdGVUaW1lIjoiMjAxOS0xMC0xM1QyMzo1OTowMFoiLCJQZXJjZW50YWdlQ29tcGxldGUiOm51bGwsIk5vdGUiOm51bGwsIlN0eWxlIjp7IiRpZCI6IjQwOSI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yOSIsIkZvbnRTZXR0aW5ncyI6eyIkaWQiOiI0Mz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zEiLCJNYXJnaW4iOnsiJHJlZiI6IjIyNyJ9LCJQYWRkaW5nIjp7IiRyZWYiOiIyMjgifSwiQmFja2dyb3VuZCI6eyIkaWQiOiI0MzIiLCJDb2xvciI6eyIkaWQiOiI0MzMiLCJBIjoyNTUsIlIiOjExMiwiRyI6MTczLCJCIjo3MX19LCJJc1Zpc2libGUiOnRydWUsIldpZHRoIjoxMy4wLCJIZWlnaHQiOjEzLjAsIkJvcmRlclN0eWxlIjp7IiRpZCI6IjQzNCIsIkxpbmVDb2xvciI6bnVsbCwiTGluZVdlaWdodCI6MC4wLCJMaW5lVHlwZSI6MCwiUGFyZW50U3R5bGUiOm51bGx9LCJQYXJlbnRTdHlsZSI6bnVsbH0sIkRhdGVGb3JtYXQiOnsiJGlkIjoiN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NDMiLCJGb250U2V0dGluZ3MiOnsiJGlkIjoiNDQ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Q1IiwiTWFyZ2luIjp7IiRyZWYiOiIyMjcifSwiUGFkZGluZyI6eyIkcmVmIjoiMjI4In0sIkJhY2tncm91bmQiOnsiJGlkIjoiNDQ2IiwiQ29sb3IiOnsiJGlkIjoiNDQ3IiwiQSI6MjU1LCJSIjoxMTIsIkciOjE3MywiQiI6NzF9fSwiSXNWaXNpYmxlIjp0cnVlLCJXaWR0aCI6MTMuMCwiSGVpZ2h0IjoxMy4wLCJCb3JkZXJTdHlsZSI6eyIkaWQiOiI0NDgiLCJMaW5lQ29sb3IiOm51bGwsIkxpbmVXZWlnaHQiOjAuMCwiTGluZVR5cGUiOjAsIlBhcmVudFN0eWxlIjpudWxsfSwiUGFyZW50U3R5bGUiOm51bGx9LCJEYXRlRm9ybWF0Ijp7IiRpZCI6IjQ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NyIsIlRvcCI6MCwiTGVmdCI6MCwiUmlnaHQiOjAsIkJvdHRvbSI6MH0sIlBhZGRpbmciOnsiJGlkIjoiNDU4IiwiVG9wIjowLCJMZWZ0IjowLCJSaWdodCI6MCwiQm90dG9tIjowfSwiQmFja2dyb3VuZCI6eyIkcmVmIjoiMzU5In0sIklzVmlzaWJsZSI6dHJ1ZSwiV2lkdGgiOjAuMCwiSGVpZ2h0IjowLjAsIkJvcmRlclN0eWxlIjpudWxsLCJQYXJlbnRTdHlsZSI6bnVsbH0sIkRhdGVTdHlsZSI6eyIkaWQiOiI0NTkiLCJGb250U2V0dGluZ3MiOnsiJGlkIjoiNDY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Q2MSIsIlRvcCI6MCwiTGVmdCI6MCwiUmlnaHQiOjAsIkJvdHRvbSI6MH0sIlBhZGRpbmciOnsiJGlkIjoiNDYy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3IiwiRm9udFNldHRpbmdzIjp7IiRpZCI6IjQ3OCIsIkZvbnRTaXplIjoxMCwiRm9udE5hbWUiOiJDYWxpYnJpIiwiSXNCb2xkIjpmYWxzZSwiSXNJdGFsaWMiOmZhbHNlLCJJc1VuZGVybGluZWQiOmZhbHNlLCJQYXJlbnRTdHlsZSI6bnVsbH0sIkF1dG9TaXplIjowLCJGb3JlZ3JvdW5kIjp7IiRpZCI6IjQ3OSIsIkNvbG9yIjp7IiRpZCI6IjQ4MC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OTIiLCJGb250U2V0dGluZ3MiOnsiJGlkIjoiNDk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k0IiwiTWFyZ2luIjp7IiRyZWYiOiIyMjcifSwiUGFkZGluZyI6eyIkcmVmIjoiMjI4In0sIkJhY2tncm91bmQiOnsiJGlkIjoiNDk1IiwiQ29sb3IiOnsiJGlkIjoiNDk2IiwiQSI6MjU1LCJSIjoxMTIsIkciOjE3MywiQiI6NzF9fSwiSXNWaXNpYmxlIjp0cnVlLCJXaWR0aCI6MTMuMCwiSGVpZ2h0IjoxMy4wLCJCb3JkZXJTdHlsZSI6eyIkaWQiOiI0OTciLCJMaW5lQ29sb3IiOm51bGwsIkxpbmVXZWlnaHQiOjAuMCwiTGluZVR5cGUiOjAsIlBhcmVudFN0eWxlIjpudWxsfSwiUGFyZW50U3R5bGUiOm51bGx9LCJEYXRlRm9ybWF0Ijp7IiRpZCI6IjQ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1MTMiLCJNYXJnaW4iOnsiJHJlZiI6IjE4MyJ9LCJQYWRkaW5nIjp7IiRyZWYiOiIxODQifSwiQmFja2dyb3VuZCI6eyIkaWQiOiI1MTQiLCJDb2xvciI6eyIkaWQiOiI1MTUiLCJBIjozOCwiUiI6OTEsIkciOjE1NSwiQiI6MjEzfX0sIklzVmlzaWJsZSI6dHJ1ZSwiV2lkdGgiOjAuMCwiSGVpZ2h0IjowLjAsIkJvcmRlclN0eWxlIjp7IiRpZCI6IjUxNiIsIkxpbmVDb2xvciI6eyIkaWQiOiI1MTciLCIkdHlwZSI6Ik5MUkUuQ29tbW9uLkRvbS5Tb2xpZENvbG9yQnJ1c2gsIE5MUkUuQ29tbW9uIiwiQ29sb3IiOnsiJGlkIjoiNTE4IiwiQSI6MjU1LCJSIjoyMDgsIkciOjIwNiwiQiI6MjA2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U3OSIsIkZvbnRTZXR0aW5ncyI6eyIkaWQiOiI1OD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xNSIsIk1hcmdpbiI6eyIkcmVmIjoiMjI3In0sIlBhZGRpbmciOnsiJHJlZiI6IjIyOCJ9LCJCYWNrZ3JvdW5kIjp7IiRpZCI6IjYxNiIsIkNvbG9yIjp7IiRpZCI6IjYxNyIsIkEiOjI1NSwiUiI6OTEsIkciOjE1NSwiQiI6MjEzfX0sIklzVmlzaWJsZSI6dHJ1ZSwiV2lkdGgiOjEzLjk5OTc2MzQ4ODc2OTUzMSwiSGVpZ2h0IjoxNi4zMzMwNzA3NTUwMDQ4ODM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I3IiwiRm9udFNldHRpbmdzIjp7IiRpZCI6IjYy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yOSIsIk1hcmdpbiI6eyIkcmVmIjoiMjI3In0sIlBhZGRpbmciOnsiJHJlZiI6IjIyOCJ9LCJCYWNrZ3JvdW5kIjp7IiRpZCI6IjYzMCIsIkNvbG9yIjp7IiRpZCI6IjYzMSIsIkEiOjI1NSwiUiI6OTEsIkciOjE1NSwiQiI6MjEzfX0sIklzVmlzaWJsZSI6dHJ1ZSwiV2lkdGgiOjEzLjk5OTc2MzQ4ODc2OTUzMSwiSGVpZ2h0IjoxNi4zMzMwNzA3NTUwMDQ4ODMsIkJvcmRlclN0eWxlIjp7IiRpZCI6IjYzMiIsIkxpbmVDb2xvciI6bnVsbCwiTGluZVdlaWdodCI6MC4wLCJMaW5lVHlwZSI6MCwiUGFyZW50U3R5bGUiOm51bGx9LCJQYXJlbnRTdHlsZSI6bnVsbH0sIkRhdGVGb3JtYXQiOnsiJGlkIjoiN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QxIiwiRm9udFNldHRpbmdzIjp7IiRpZCI6IjY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0MyIsIk1hcmdpbiI6eyIkcmVmIjoiMjI3In0sIlBhZGRpbmciOnsiJHJlZiI6IjIyOCJ9LCJCYWNrZ3JvdW5kIjp7IiRpZCI6IjY0NCIsIkNvbG9yIjp7IiRpZCI6IjY0NSIsIkEiOjI1NSwiUiI6OTEsIkciOjE1NSwiQiI6MjEzfX0sIklzVmlzaWJsZSI6dHJ1ZSwiV2lkdGgiOjEzLjk5OTc2MzQ4ODc2OTUzMSwiSGVpZ2h0IjoxNi4zMzMwNzA3NTUwMDQ4ODMsIkJvcmRlclN0eWxlIjp7IiRpZCI6IjY0NiIsIkxpbmVDb2xvciI6bnVsbCwiTGluZVdlaWdodCI6MC4wLCJMaW5lVHlwZSI6MCwiUGFyZW50U3R5bGUiOm51bGx9LCJQYXJlbnRTdHlsZSI6bnVsbH0sIkRhdGVGb3JtYXQiOnsiJGlkIjoiNj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csIlNoYXBlU2l6ZSI6MywiU2hhcGVTdHlsZSI6eyIkaWQiOiI2NzYiLCJNYXJnaW4iOnsiJHJlZiI6IjIyNyJ9LCJQYWRkaW5nIjp7IiRyZWYiOiIyMjgifSwiQmFja2dyb3VuZCI6eyIkaWQiOiI2NzciLCJDb2xvciI6eyIkaWQiOiI2NzgiLCJBIjoyNTUsIlIiOjIzNywiRyI6MTI1LCJCIjo0OX19LCJJc1Zpc2libGUiOnRydWUsIldpZHRoIjoxNy4wLCJIZWlnaHQiOjE3LjAsIkJvcmRlclN0eWxlIjp7IiRpZCI6IjY3OSIsIkxpbmVDb2xvciI6bnVsbCwiTGluZVdlaWdodCI6MC4wLCJMaW5lVHlwZSI6MCwiUGFyZW50U3R5bGUiOm51bGx9LCJQYXJlbnRTdHlsZSI6bnVsbH0sIkRhdGVGb3JtYXQiOnsiJGlkIjoiN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gxIiwiQWRkcmVzcyI6IiIsIlN1YkFkZHJlc3MiOiIifSwiSW1wb3J0SWQiOm51bGx9LHsiJGlkIjoiNjgyIiwiSWQiOiI4N2M5M2EzMS05YTY1LTQ0MWQtOGNjZS1jMDQzMzZhZjI3NzgiLCJJbmRleCI6MzEsIkdyb3VwSWQiOiJkNDc4MzY4Yi04Y2JkLTQ4ZmItYjE2Zi0wMDRkZDkzNzIxNDciLCJUaXRsZSI6IkFjY2VzcyBGaXJld2FsbCBJbnRlZ3JhdGlvbiIsIkRhdGVUaW1lIjoiMjAxOS0wNy0xM1QyMzo1OTowMFoiLCJQZXJjZW50YWdlQ29tcGxldGUiOm51bGwsIk5vdGUiOm51bGwsIlN0eWxlIjp7IiRpZCI6IjY4MyI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2ODgiLCJGb250U2V0dGluZ3MiOnsiJGlkIjoiNjg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Y5MCIsIk1hcmdpbiI6eyIkcmVmIjoiMjI3In0sIlBhZGRpbmciOnsiJHJlZiI6IjIyOCJ9LCJCYWNrZ3JvdW5kIjp7IiRpZCI6IjY5MSIsIkNvbG9yIjp7IiRpZCI6IjY5MiIsIkEiOjI1NSwiUiI6MjM3LCJHIjoxMjUsIkIiOjQ5fX0sIklzVmlzaWJsZSI6dHJ1ZSwiV2lkdGgiOjE3LjAsIkhlaWdodCI6MTcuMCwiQm9yZGVyU3R5bGUiOnsiJGlkIjoiNjkzIiwiTGluZUNvbG9yIjpudWxsLCJMaW5lV2VpZ2h0IjowLjAsIkxpbmVUeXBlIjowLCJQYXJlbnRTdHlsZSI6bnVsbH0sIlBhcmVudFN0eWxlIjpudWxsfSwiRGF0ZUZvcm1hdCI6eyIkaWQiOiI2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3LCJTaGFwZVNpemUiOjMsIlNoYXBlU3R5bGUiOnsiJGlkIjoiNzA2IiwiTWFyZ2luIjp7IiRyZWYiOiIyMjcifSwiUGFkZGluZyI6eyIkcmVmIjoiMjI4In0sIkJhY2tncm91bmQiOnsiJGlkIjoiNzA3IiwiQ29sb3IiOnsiJGlkIjoiNzA4IiwiQSI6MjU1LCJSIjoyMzcsIkciOjEyNSwiQiI6NDl9fSwiSXNWaXNpYmxlIjp0cnVlLCJXaWR0aCI6MTcuMCwiSGVpZ2h0IjoxNy4wLCJCb3JkZXJTdHlsZSI6eyIkaWQiOiI3MDkiLCJMaW5lQ29sb3IiOm51bGwsIkxpbmVXZWlnaHQiOjAuMCwiTGluZVR5cGUiOjAsIlBhcmVudFN0eWxlIjpudWxsfSwiUGFyZW50U3R5bGUiOm51bGx9LCJEYXRlRm9ybWF0Ijp7IiRpZCI6Ijc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3MTgiLCJGb250U2V0dGluZ3MiOnsiJGlkIjoiNzE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cyMCIsIk1hcmdpbiI6eyIkcmVmIjoiMjI3In0sIlBhZGRpbmciOnsiJHJlZiI6IjIyOCJ9LCJCYWNrZ3JvdW5kIjp7IiRpZCI6IjcyMSIsIkNvbG9yIjp7IiRpZCI6IjcyMiIsIkEiOjI1NSwiUiI6MjM3LCJHIjoxMjUsIkIiOjQ5fX0sIklzVmlzaWJsZSI6dHJ1ZSwiV2lkdGgiOjE3LjAsIkhlaWdodCI6MTcuMCwiQm9yZGVyU3R5bGUiOnsiJGlkIjoiNzIzIiwiTGluZUNvbG9yIjpudWxsLCJMaW5lV2VpZ2h0IjowLjAsIkxpbmVUeXBlIjowLCJQYXJlbnRTdHlsZSI6bnVsbH0sIlBhcmVudFN0eWxlIjpudWxsfSwiRGF0ZUZvcm1hdCI6eyIkaWQiOiI3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zMzIiwiTWFyZ2luIjp7IiRyZWYiOiIxNzMifSwiUGFkZGluZyI6eyIkcmVmIjoiMTc0In0sIkJhY2tncm91bmQiOnsiJGlkIjoiNzM0IiwiQ29sb3IiOnsiJGlkIjoiNzM1IiwiQSI6MjU1LCJSIjoxNjUsIkciOjE2NSwiQiI6MTY1fX0sIklzVmlzaWJsZSI6ZmFsc2UsIldpZHRoIjowLjAsIkhlaWdodCI6MC4wLCJCb3JkZXJTdHlsZSI6eyIkaWQiOiI3MzYiLCJMaW5lQ29sb3IiOnsiJGlkIjoiNzM3IiwiJHR5cGUiOiJOTFJFLkNvbW1vbi5Eb20uU29saWRDb2xvckJydXNoLCBOTFJFLkNvbW1vbiIsIkNvbG9yIjp7IiRpZCI6IjczOCIsIkEiOjI1NSwiUiI6NTEsIkciOjMwLCJCIjoyOH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3MzkiLCJNYXJnaW4iOnsiJHJlZiI6IjE4MyJ9LCJQYWRkaW5nIjp7IiRyZWYiOiIxODQifSwiQmFja2dyb3VuZCI6eyIkaWQiOiI3NDAiLCJDb2xvciI6eyIkaWQiOiI3NDEiLCJBIjozOCwiUiI6MTY1LCJHIjoxNjUsIkIiOjE2NX19LCJJc1Zpc2libGUiOnRydWUsIldpZHRoIjowLjAsIkhlaWdodCI6MC4wLCJCb3JkZXJTdHlsZSI6eyIkaWQiOiI3NDIiLCJMaW5lQ29sb3IiOnsiJGlkIjoiNzQzIiwiJHR5cGUiOiJOTFJFLkNvbW1vbi5Eb20uU29saWRDb2xvckJydXNoLCBOTFJFLkNvbW1vbiIsIkNvbG9yIjp7IiRpZCI6Ijc0N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c1MSIsIkZvbnRTZXR0aW5ncyI6eyIkaWQiOiI3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NTMiLCJNYXJnaW4iOnsiJHJlZiI6IjIyNyJ9LCJQYWRkaW5nIjp7IiRyZWYiOiIyMjgifSwiQmFja2dyb3VuZCI6eyIkaWQiOiI3NTQiLCJDb2xvciI6eyIkaWQiOiI3NTUiLCJBIjoyNTUsIlIiOjE2NSwiRyI6MTY1LCJCIjoxNjV9fSwiSXNWaXNpYmxlIjp0cnVlLCJXaWR0aCI6MTMuMCwiSGVpZ2h0IjoxMy4wLCJCb3JkZXJTdHlsZSI6eyIkaWQiOiI3NTYiLCJMaW5lQ29sb3IiOm51bGwsIkxpbmVXZWlnaHQiOjAuMCwiTGluZVR5cGUiOjAsIlBhcmVudFN0eWxlIjpudWxsfSwiUGFyZW50U3R5bGUiOm51bGx9LCJEYXRlRm9ybWF0Ijp7IiRpZCI6Ijc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Y1IiwiRm9udFNldHRpbmdzIjp7IiRpZCI6Ijc2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SwiU2hhcGVTaXplIjoxLCJTaGFwZVN0eWxlIjp7IiRpZCI6Ijc2NyIsIk1hcmdpbiI6eyIkcmVmIjoiMjI3In0sIlBhZGRpbmciOnsiJHJlZiI6IjIyOCJ9LCJCYWNrZ3JvdW5kIjp7IiRpZCI6Ijc2OCIsIkNvbG9yIjp7IiRpZCI6Ijc2OSIsIkEiOjI1NSwiUiI6MTY1LCJHIjoxNjUsIkIiOjE2NX19LCJJc1Zpc2libGUiOnRydWUsIldpZHRoIjoxMy4wLCJIZWlnaHQiOjEzLjAsIkJvcmRlclN0eWxlIjp7IiRpZCI6Ijc3MCIsIkxpbmVDb2xvciI6bnVsbCwiTGluZVdlaWdodCI6MC4wLCJMaW5lVHlwZSI6MCwiUGFyZW50U3R5bGUiOm51bGx9LCJQYXJlbnRTdHlsZSI6bnVsbH0sIkRhdGVGb3JtYXQiOnsiJGlkIjoiNz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c5IiwiRm9udFNldHRpbmdzIjp7IiRpZCI6Ijc4MCIsIkZvbnRTaXplIjoxMCwiRm9udE5hbWUiOiJDYWxpYnJpIiwiSXNCb2xkIjpmYWxzZSwiSXNJdGFsaWMiOmZhbHNlLCJJc1VuZGVybGluZWQiOmZhbHNlLCJQYXJlbnRTdHlsZSI6bnVsbH0sIkF1dG9TaXplIjowLCJGb3JlZ3JvdW5kIjp7IiRpZCI6Ijc4MSIsIkNvbG9yIjp7IiRpZCI6Ijc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ODMiLCJNYXJnaW4iOnsiJHJlZiI6IjIyNyJ9LCJQYWRkaW5nIjp7IiRyZWYiOiIyMjgifSwiQmFja2dyb3VuZCI6eyIkaWQiOiI3ODQiLCJDb2xvciI6eyIkaWQiOiI3ODUiLCJBIjoyNTUsIlIiOjE2NSwiRyI6MTY1LCJCIjoxNjV9fSwiSXNWaXNpYmxlIjp0cnVlLCJXaWR0aCI6MTMuMCwiSGVpZ2h0IjoxMy4wLCJCb3JkZXJTdHlsZSI6eyIkaWQiOiI3ODYiLCJMaW5lQ29sb3IiOm51bGwsIkxpbmVXZWlnaHQiOjAuMCwiTGluZVR5cGUiOjAsIlBhcmVudFN0eWxlIjpudWxsfSwiUGFyZW50U3R5bGUiOm51bGx9LCJEYXRlRm9ybWF0Ijp7IiRpZCI6Ijc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4OCIsIkFkZHJlc3MiOiIiLCJTdWJBZGRyZXNzIjoiIn0sIkltcG9ydElkIjpudWxsfV19XSwiTXNQcm9qZWN0SXRlbXNUcmVlIjp7IiRpZCI6Ijc4OSIsIlJvb3QiOnsiSW1wb3J0SWQiOm51bGwsIklzSW1wb3J0ZWQiOmZhbHNlLCJDaGlsZHJlbiI6W119fSwiTWV0YWRhdGEiOnsiJGlkIjoiNzkwIiwiUmVjZW50Q29sb3JzQ29sbGVjdGlvbiI6IltdIn0sIlNldHRpbmdzIjp7IiRpZCI6Ijc5MSIsIkltcGFPcHRpb25zIjp7IiRpZCI6Ijc5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5My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9</Words>
  <Application>Microsoft Office PowerPoint</Application>
  <PresentationFormat>Widescreen</PresentationFormat>
  <Paragraphs>64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8" baseType="lpstr">
      <vt:lpstr>Arial</vt:lpstr>
      <vt:lpstr>Calibri</vt:lpstr>
      <vt:lpstr>Calibri Light</vt:lpstr>
      <vt:lpstr>Segoe UI</vt:lpstr>
      <vt:lpstr>2_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18Z</dcterms:created>
  <dcterms:modified xsi:type="dcterms:W3CDTF">2022-03-19T15:54:40Z</dcterms:modified>
</cp:coreProperties>
</file>